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64011"/>
  <mc:AlternateContent xmlns:mc="http://schemas.openxmlformats.org/markup-compatibility/2006">
    <mc:Choice Requires="x15">
      <x15ac:absPath xmlns:x15ac="http://schemas.microsoft.com/office/spreadsheetml/2010/11/ac" url="https://d.docs.live.net/d761d67f0fbe7d03/Rolling paper/"/>
    </mc:Choice>
  </mc:AlternateContent>
  <bookViews>
    <workbookView xWindow="0" yWindow="0" windowWidth="21570" windowHeight="8055"/>
  </bookViews>
  <sheets>
    <sheet name="Sheet1" sheetId="1" r:id="rId1"/>
  </sheets>
  <externalReferences>
    <externalReference r:id="rId2"/>
    <externalReference r:id="rId3"/>
    <externalReference r:id="rId4"/>
  </externalReferences>
  <definedNames>
    <definedName name="_Ref449615371" localSheetId="0">Sheet1!$A$1866</definedName>
    <definedName name="_Ref449620474" localSheetId="0">Sheet1!$A$205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0" uniqueCount="52">
  <si>
    <t>Thermal espansion, 1/°C</t>
  </si>
  <si>
    <t>Temp. °C</t>
  </si>
  <si>
    <t>Young modulus</t>
  </si>
  <si>
    <t>Poisson Ratio</t>
  </si>
  <si>
    <t>Temp., °C</t>
  </si>
  <si>
    <t>True Stress [Pa]</t>
  </si>
  <si>
    <t>True Strain [-]</t>
  </si>
  <si>
    <t>Temperature [°C]</t>
  </si>
  <si>
    <t>Specific heat, J/kgK</t>
  </si>
  <si>
    <t>Conductivity, W/mK</t>
  </si>
  <si>
    <t>Figure 6 Comparison between experiments (Exp) and modelling results.</t>
  </si>
  <si>
    <t>Time</t>
  </si>
  <si>
    <t>20 mm Exp.</t>
  </si>
  <si>
    <t>30 mm Exp.</t>
  </si>
  <si>
    <t>40 mm Exp.</t>
  </si>
  <si>
    <t>50 mm Exp.</t>
  </si>
  <si>
    <t>60 mm Exp.</t>
  </si>
  <si>
    <t>80 mm Exp.</t>
  </si>
  <si>
    <t>Distance</t>
  </si>
  <si>
    <t>µʀ=0.5; µʙʙ=0</t>
  </si>
  <si>
    <t>Distance [m]</t>
  </si>
  <si>
    <t>Frictionless</t>
  </si>
  <si>
    <t>µʀ=0.2; µʙʙ=0.5</t>
  </si>
  <si>
    <t>Figure 7 Mid-thickness longitudinal residual stress after rolling on top of the weld bead using 25kN load and different friction coefficients between the workpiece and the backing bar (µBB), and the roller (µʀ)</t>
  </si>
  <si>
    <t>Mod.</t>
  </si>
  <si>
    <t>As welded</t>
  </si>
  <si>
    <t xml:space="preserve">Figure 11 Mid-thickness longitudinal residual stresses vs. transverse distance to the weld direction. Comparison between modelled and experimental results after rolling on top of the weld bead </t>
  </si>
  <si>
    <t>Exp.</t>
  </si>
  <si>
    <t>Uncertainty</t>
  </si>
  <si>
    <t>a. as-welded</t>
  </si>
  <si>
    <t>b. 25 kN</t>
  </si>
  <si>
    <t>Uncertainty S11</t>
  </si>
  <si>
    <t>c. 50kN</t>
  </si>
  <si>
    <t>d. 100kN</t>
  </si>
  <si>
    <t>e. 15kN</t>
  </si>
  <si>
    <t xml:space="preserve">Rolling load [kN] </t>
  </si>
  <si>
    <t>Max out of plane dispacement Exp. [mm]</t>
  </si>
  <si>
    <t>Max out of plane dispacement Mod. [mm]</t>
  </si>
  <si>
    <t>Figure 13 Out of plane distortion vs. rolling load.</t>
  </si>
  <si>
    <t xml:space="preserve">Figure 14 Longitudinal residual stress after rolling on the welding toes, at different roller positions relative to the weld for rolling loads </t>
  </si>
  <si>
    <t>a. 50kN</t>
  </si>
  <si>
    <t>6.0 mm</t>
  </si>
  <si>
    <t>6.1 mm</t>
  </si>
  <si>
    <t>6.3 mm</t>
  </si>
  <si>
    <t>6.5 mm</t>
  </si>
  <si>
    <t>7.0 mm</t>
  </si>
  <si>
    <t>b. 75kN</t>
  </si>
  <si>
    <t>6.2 mm</t>
  </si>
  <si>
    <t xml:space="preserve">Figure 15 longitudinal residual stress after rolling the welding toes </t>
  </si>
  <si>
    <t>Max out of plane dispacement Mod.[mm]</t>
  </si>
  <si>
    <t>Max out of plane dispacement Mod. Exp. [mm]</t>
  </si>
  <si>
    <t>Figure 16 Peak out-of-plane distortion vs. rolling load, after rolling the weld toe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68" formatCode="###E+0"/>
    <numFmt numFmtId="171" formatCode="0.00000"/>
    <numFmt numFmtId="172" formatCode="#&quot; °C&quot;"/>
  </numFmts>
  <fonts count="3" x14ac:knownFonts="1">
    <font>
      <sz val="11"/>
      <color theme="1"/>
      <name val="Calibri"/>
      <family val="2"/>
      <scheme val="minor"/>
    </font>
    <font>
      <sz val="10"/>
      <name val="Arial"/>
      <family val="2"/>
    </font>
    <font>
      <sz val="11"/>
      <color rgb="FF000000"/>
      <name val="Calibri"/>
      <family val="2"/>
    </font>
  </fonts>
  <fills count="4">
    <fill>
      <patternFill patternType="none"/>
    </fill>
    <fill>
      <patternFill patternType="gray125"/>
    </fill>
    <fill>
      <patternFill patternType="solid">
        <fgColor rgb="FFFFFF00"/>
        <bgColor indexed="64"/>
      </patternFill>
    </fill>
    <fill>
      <patternFill patternType="solid">
        <fgColor theme="8" tint="0.79998168889431442"/>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2">
    <xf numFmtId="0" fontId="0" fillId="0" borderId="0"/>
    <xf numFmtId="0" fontId="1" fillId="0" borderId="0"/>
  </cellStyleXfs>
  <cellXfs count="24">
    <xf numFmtId="0" fontId="0" fillId="0" borderId="0" xfId="0"/>
    <xf numFmtId="0" fontId="1" fillId="0" borderId="1" xfId="0" applyFont="1" applyBorder="1" applyAlignment="1">
      <alignment horizontal="center" vertical="center" wrapText="1"/>
    </xf>
    <xf numFmtId="0" fontId="0" fillId="0" borderId="1" xfId="0" applyBorder="1" applyAlignment="1">
      <alignment horizontal="center"/>
    </xf>
    <xf numFmtId="0" fontId="0" fillId="0" borderId="0" xfId="0"/>
    <xf numFmtId="171" fontId="1" fillId="0" borderId="1" xfId="0" applyNumberFormat="1" applyFont="1" applyBorder="1" applyAlignment="1">
      <alignment horizontal="center" vertical="center" wrapText="1"/>
    </xf>
    <xf numFmtId="168" fontId="0" fillId="0" borderId="0" xfId="0" applyNumberFormat="1" applyFill="1"/>
    <xf numFmtId="11" fontId="0" fillId="0" borderId="0" xfId="0" applyNumberFormat="1"/>
    <xf numFmtId="0" fontId="1" fillId="0" borderId="0" xfId="1" applyFont="1"/>
    <xf numFmtId="168" fontId="1" fillId="0" borderId="0" xfId="1" applyNumberFormat="1" applyFont="1"/>
    <xf numFmtId="172" fontId="1" fillId="0" borderId="0" xfId="1" applyNumberFormat="1" applyFont="1"/>
    <xf numFmtId="0" fontId="0" fillId="0" borderId="0" xfId="0"/>
    <xf numFmtId="0" fontId="0" fillId="0" borderId="0" xfId="0" applyAlignment="1">
      <alignment horizontal="center" vertical="center" wrapText="1"/>
    </xf>
    <xf numFmtId="0" fontId="1" fillId="0" borderId="1" xfId="0" applyFont="1" applyBorder="1" applyAlignment="1">
      <alignment horizontal="center" vertical="center" wrapText="1"/>
    </xf>
    <xf numFmtId="0" fontId="0" fillId="0" borderId="1" xfId="0" applyBorder="1" applyAlignment="1">
      <alignment horizontal="center"/>
    </xf>
    <xf numFmtId="11" fontId="0" fillId="0" borderId="0" xfId="0" applyNumberFormat="1"/>
    <xf numFmtId="0" fontId="0" fillId="2" borderId="1" xfId="0" applyFill="1" applyBorder="1" applyAlignment="1">
      <alignment horizontal="center"/>
    </xf>
    <xf numFmtId="0" fontId="0" fillId="0" borderId="1" xfId="0" applyFill="1" applyBorder="1" applyAlignment="1">
      <alignment horizontal="center"/>
    </xf>
    <xf numFmtId="0" fontId="0" fillId="0" borderId="0" xfId="0" applyAlignment="1">
      <alignment vertical="center"/>
    </xf>
    <xf numFmtId="0" fontId="0" fillId="3" borderId="0" xfId="0" applyFill="1" applyAlignment="1">
      <alignment horizontal="center" vertical="top" wrapText="1"/>
    </xf>
    <xf numFmtId="168" fontId="0" fillId="0" borderId="0" xfId="0" applyNumberFormat="1"/>
    <xf numFmtId="0" fontId="2" fillId="0" borderId="0" xfId="0" applyFont="1" applyAlignment="1">
      <alignment horizontal="center" vertical="center" wrapText="1"/>
    </xf>
    <xf numFmtId="0" fontId="2" fillId="0" borderId="0" xfId="0" applyFont="1" applyAlignment="1">
      <alignment horizontal="right" vertical="center"/>
    </xf>
    <xf numFmtId="11" fontId="2" fillId="0" borderId="0" xfId="0" applyNumberFormat="1" applyFont="1" applyAlignment="1">
      <alignment horizontal="right" vertical="center"/>
    </xf>
    <xf numFmtId="0" fontId="0" fillId="0" borderId="0" xfId="0" applyAlignment="1">
      <alignment wrapText="1"/>
    </xf>
  </cellXfs>
  <cellStyles count="2">
    <cellStyle name="Normal" xfId="0" builtinId="0"/>
    <cellStyle name="Normal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123276\AppData\Local\Microsoft\Windows\INetCache\Content.Outlook\FQCRFYSJ\Graphs%20and%20data%20(002).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E:\0New_Stage\3-Rolling\Post-weld_rolling\Salsa%20Experiments.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23276\Welding%20distortion\Thesis\3%20Pre-weld%20rolling\Pre-weld%20rolling%20analysis.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emperature"/>
      <sheetName val="as welded"/>
      <sheetName val="Validation"/>
      <sheetName val="Validation Friction"/>
      <sheetName val="Parametric short (7mm)"/>
      <sheetName val="Parametric short (9mm)"/>
      <sheetName val="Parametric short (18mm)"/>
      <sheetName val="Parametric short (24mm)"/>
      <sheetName val="Parametric short "/>
      <sheetName val="Parametric toes"/>
      <sheetName val="rolling long toes"/>
      <sheetName val="2 Stages Rolling"/>
      <sheetName val="Buckling"/>
      <sheetName val="Template"/>
    </sheetNames>
    <sheetDataSet>
      <sheetData sheetId="0"/>
      <sheetData sheetId="1"/>
      <sheetData sheetId="2">
        <row r="2">
          <cell r="C2" t="str">
            <v>Exp.</v>
          </cell>
          <cell r="F2" t="str">
            <v>Mod.</v>
          </cell>
          <cell r="I2" t="str">
            <v>Exp.</v>
          </cell>
          <cell r="O2" t="str">
            <v>Exp.</v>
          </cell>
          <cell r="DK2" t="str">
            <v>As-welded Mod.</v>
          </cell>
        </row>
        <row r="3">
          <cell r="B3">
            <v>0</v>
          </cell>
          <cell r="C3">
            <v>141531379.96793801</v>
          </cell>
          <cell r="D3">
            <v>16952384.3404589</v>
          </cell>
          <cell r="E3">
            <v>0</v>
          </cell>
          <cell r="F3">
            <v>33802200</v>
          </cell>
          <cell r="I3">
            <v>74729161.457142204</v>
          </cell>
          <cell r="J3">
            <v>12042390.130959701</v>
          </cell>
          <cell r="O3">
            <v>7495313.4787053801</v>
          </cell>
          <cell r="P3">
            <v>13044732.9272552</v>
          </cell>
          <cell r="DJ3">
            <v>0</v>
          </cell>
          <cell r="DK3">
            <v>420117000</v>
          </cell>
        </row>
        <row r="4">
          <cell r="B4">
            <v>2E-3</v>
          </cell>
          <cell r="C4">
            <v>158069020.078087</v>
          </cell>
          <cell r="D4">
            <v>15205727.0668726</v>
          </cell>
          <cell r="E4">
            <v>6.5733800000000004E-4</v>
          </cell>
          <cell r="F4">
            <v>47287900</v>
          </cell>
          <cell r="I4">
            <v>47107772.051785402</v>
          </cell>
          <cell r="J4">
            <v>12917812.338007599</v>
          </cell>
          <cell r="O4">
            <v>4074403.2047293498</v>
          </cell>
          <cell r="P4">
            <v>11524500.970819799</v>
          </cell>
          <cell r="DJ4">
            <v>6.1052600000000002E-4</v>
          </cell>
          <cell r="DK4">
            <v>420149000</v>
          </cell>
        </row>
        <row r="5">
          <cell r="B5">
            <v>4.0000000000000001E-3</v>
          </cell>
          <cell r="C5">
            <v>182634032.24209499</v>
          </cell>
          <cell r="D5">
            <v>14492338.730609501</v>
          </cell>
          <cell r="E5">
            <v>1.3146799999999999E-3</v>
          </cell>
          <cell r="F5">
            <v>71462900</v>
          </cell>
          <cell r="I5">
            <v>-8104031.7272697398</v>
          </cell>
          <cell r="J5">
            <v>12691851.9583214</v>
          </cell>
          <cell r="O5">
            <v>-72456477.308550805</v>
          </cell>
          <cell r="P5">
            <v>10390940.7973052</v>
          </cell>
          <cell r="DJ5">
            <v>1.2225700000000001E-3</v>
          </cell>
          <cell r="DK5">
            <v>420408000</v>
          </cell>
        </row>
        <row r="6">
          <cell r="B6">
            <v>6.0000000000000001E-3</v>
          </cell>
          <cell r="C6">
            <v>221615768.53821099</v>
          </cell>
          <cell r="D6">
            <v>13601860.088501001</v>
          </cell>
          <cell r="E6">
            <v>1.9720200000000001E-3</v>
          </cell>
          <cell r="F6">
            <v>93083500</v>
          </cell>
          <cell r="I6">
            <v>13333852.7339008</v>
          </cell>
          <cell r="J6">
            <v>11109635.7293409</v>
          </cell>
          <cell r="O6">
            <v>-54552335.56374</v>
          </cell>
          <cell r="P6">
            <v>10019524.4092508</v>
          </cell>
          <cell r="DJ6">
            <v>1.8373899999999999E-3</v>
          </cell>
          <cell r="DK6">
            <v>421077000</v>
          </cell>
        </row>
        <row r="7">
          <cell r="B7">
            <v>8.0000000000000002E-3</v>
          </cell>
          <cell r="C7">
            <v>303818363.86356699</v>
          </cell>
          <cell r="D7">
            <v>14456794.6240419</v>
          </cell>
          <cell r="E7">
            <v>2.6293499999999999E-3</v>
          </cell>
          <cell r="F7">
            <v>116017000</v>
          </cell>
          <cell r="I7">
            <v>35964535.734578401</v>
          </cell>
          <cell r="J7">
            <v>9976037.4512886498</v>
          </cell>
          <cell r="O7">
            <v>-15568957.3089034</v>
          </cell>
          <cell r="P7">
            <v>9766873.2864667792</v>
          </cell>
          <cell r="DJ7">
            <v>2.4551899999999999E-3</v>
          </cell>
          <cell r="DK7">
            <v>421751000</v>
          </cell>
        </row>
        <row r="8">
          <cell r="B8">
            <v>0.01</v>
          </cell>
          <cell r="C8">
            <v>293052736.76609302</v>
          </cell>
          <cell r="D8">
            <v>14503911.343908399</v>
          </cell>
          <cell r="E8">
            <v>3.2866900000000001E-3</v>
          </cell>
          <cell r="F8">
            <v>142140000</v>
          </cell>
          <cell r="I8">
            <v>14981076.037175599</v>
          </cell>
          <cell r="J8">
            <v>9705631.9558482692</v>
          </cell>
          <cell r="O8">
            <v>-23627246.996488102</v>
          </cell>
          <cell r="P8">
            <v>9546200.6106903609</v>
          </cell>
          <cell r="DJ8">
            <v>3.0764999999999998E-3</v>
          </cell>
          <cell r="DK8">
            <v>422405000</v>
          </cell>
        </row>
        <row r="9">
          <cell r="B9">
            <v>1.2E-2</v>
          </cell>
          <cell r="C9">
            <v>287508103.92937303</v>
          </cell>
          <cell r="D9">
            <v>13396355.017473601</v>
          </cell>
          <cell r="E9">
            <v>3.9440300000000003E-3</v>
          </cell>
          <cell r="F9">
            <v>167589000</v>
          </cell>
          <cell r="I9">
            <v>5524279.8240422402</v>
          </cell>
          <cell r="J9">
            <v>10080109.2589623</v>
          </cell>
          <cell r="O9">
            <v>-30188167.836936899</v>
          </cell>
          <cell r="P9">
            <v>9047916.8253899291</v>
          </cell>
          <cell r="DJ9">
            <v>3.7027599999999998E-3</v>
          </cell>
          <cell r="DK9">
            <v>423520000</v>
          </cell>
        </row>
        <row r="10">
          <cell r="B10">
            <v>1.4E-2</v>
          </cell>
          <cell r="C10">
            <v>289831272.57156098</v>
          </cell>
          <cell r="D10">
            <v>12743626.491686299</v>
          </cell>
          <cell r="E10">
            <v>4.6013699999999996E-3</v>
          </cell>
          <cell r="F10">
            <v>187448000</v>
          </cell>
          <cell r="I10">
            <v>15772303.683904201</v>
          </cell>
          <cell r="J10">
            <v>9562427.3040356208</v>
          </cell>
          <cell r="O10">
            <v>-16808543.463199101</v>
          </cell>
          <cell r="P10">
            <v>8394945.2833287697</v>
          </cell>
          <cell r="DJ10">
            <v>4.3358800000000003E-3</v>
          </cell>
          <cell r="DK10">
            <v>425150000</v>
          </cell>
        </row>
        <row r="11">
          <cell r="B11">
            <v>1.6E-2</v>
          </cell>
          <cell r="C11">
            <v>270171687.184789</v>
          </cell>
          <cell r="D11">
            <v>13178341.903936701</v>
          </cell>
          <cell r="E11">
            <v>5.2587099999999998E-3</v>
          </cell>
          <cell r="F11">
            <v>192908000</v>
          </cell>
          <cell r="I11">
            <v>17027508.965666201</v>
          </cell>
          <cell r="J11">
            <v>9499942.8946502395</v>
          </cell>
          <cell r="O11">
            <v>-5062384.9545150297</v>
          </cell>
          <cell r="P11">
            <v>8613286.2056411207</v>
          </cell>
          <cell r="DJ11">
            <v>4.9797499999999998E-3</v>
          </cell>
          <cell r="DK11">
            <v>427115000</v>
          </cell>
        </row>
        <row r="12">
          <cell r="B12">
            <v>1.7999999999999999E-2</v>
          </cell>
          <cell r="C12">
            <v>235879398.31496099</v>
          </cell>
          <cell r="D12">
            <v>13185854.1537361</v>
          </cell>
          <cell r="E12">
            <v>5.91605E-3</v>
          </cell>
          <cell r="F12">
            <v>185279000</v>
          </cell>
          <cell r="I12">
            <v>15921152.936542301</v>
          </cell>
          <cell r="J12">
            <v>9833922.4455993008</v>
          </cell>
          <cell r="O12">
            <v>-10118469.8576324</v>
          </cell>
          <cell r="P12">
            <v>8342386.4329749104</v>
          </cell>
          <cell r="DJ12">
            <v>5.6335999999999999E-3</v>
          </cell>
          <cell r="DK12">
            <v>421159000</v>
          </cell>
        </row>
        <row r="13">
          <cell r="B13">
            <v>0.02</v>
          </cell>
          <cell r="C13">
            <v>208256174.52397999</v>
          </cell>
          <cell r="D13">
            <v>12418007.2207144</v>
          </cell>
          <cell r="E13">
            <v>6.57341E-3</v>
          </cell>
          <cell r="F13">
            <v>180768000</v>
          </cell>
          <cell r="I13">
            <v>14670306.278764199</v>
          </cell>
          <cell r="J13">
            <v>10317148.4222252</v>
          </cell>
          <cell r="O13">
            <v>-10173388.6760552</v>
          </cell>
          <cell r="P13">
            <v>7844139.3257195204</v>
          </cell>
          <cell r="DJ13">
            <v>6.2900100000000004E-3</v>
          </cell>
          <cell r="DK13">
            <v>408961000</v>
          </cell>
        </row>
        <row r="14">
          <cell r="B14">
            <v>2.1999999999999999E-2</v>
          </cell>
          <cell r="C14">
            <v>177386168.43777901</v>
          </cell>
          <cell r="D14">
            <v>13988601.0242061</v>
          </cell>
          <cell r="E14">
            <v>7.32118E-3</v>
          </cell>
          <cell r="F14">
            <v>201464000</v>
          </cell>
          <cell r="I14">
            <v>30340693.053749599</v>
          </cell>
          <cell r="J14">
            <v>10348579.8736894</v>
          </cell>
          <cell r="O14">
            <v>3931387.2385642999</v>
          </cell>
          <cell r="P14">
            <v>8821222.8875615299</v>
          </cell>
          <cell r="DJ14">
            <v>7.0364700000000004E-3</v>
          </cell>
          <cell r="DK14">
            <v>411236000</v>
          </cell>
        </row>
        <row r="15">
          <cell r="B15">
            <v>2.4E-2</v>
          </cell>
          <cell r="C15">
            <v>121643186.087055</v>
          </cell>
          <cell r="D15">
            <v>13371287.6725883</v>
          </cell>
          <cell r="E15">
            <v>8.1372600000000003E-3</v>
          </cell>
          <cell r="F15">
            <v>222382000</v>
          </cell>
          <cell r="I15">
            <v>30254712.386223599</v>
          </cell>
          <cell r="J15">
            <v>10151712.0546981</v>
          </cell>
          <cell r="O15">
            <v>8886509.3056703098</v>
          </cell>
          <cell r="P15">
            <v>8708818.9958553296</v>
          </cell>
          <cell r="DJ15">
            <v>7.8515500000000005E-3</v>
          </cell>
          <cell r="DK15">
            <v>404642000</v>
          </cell>
        </row>
        <row r="16">
          <cell r="B16">
            <v>2.5999999999999999E-2</v>
          </cell>
          <cell r="C16">
            <v>35843738.310382403</v>
          </cell>
          <cell r="D16">
            <v>12369875.1175838</v>
          </cell>
          <cell r="E16">
            <v>9.02793E-3</v>
          </cell>
          <cell r="F16">
            <v>228771000</v>
          </cell>
          <cell r="I16">
            <v>-923401.17458165297</v>
          </cell>
          <cell r="J16">
            <v>10032930.885712201</v>
          </cell>
          <cell r="O16">
            <v>-11839511.8995593</v>
          </cell>
          <cell r="P16">
            <v>8136729.5299919499</v>
          </cell>
          <cell r="DJ16">
            <v>8.7415500000000007E-3</v>
          </cell>
          <cell r="DK16">
            <v>385216000</v>
          </cell>
        </row>
        <row r="17">
          <cell r="B17">
            <v>2.8000000000000001E-2</v>
          </cell>
          <cell r="C17">
            <v>26373853.145383898</v>
          </cell>
          <cell r="D17">
            <v>12894853.7794868</v>
          </cell>
          <cell r="E17">
            <v>0.01</v>
          </cell>
          <cell r="F17">
            <v>243622000</v>
          </cell>
          <cell r="I17">
            <v>-6823068.8623931604</v>
          </cell>
          <cell r="J17">
            <v>9628630.2231773995</v>
          </cell>
          <cell r="O17">
            <v>1384657.3681129999</v>
          </cell>
          <cell r="P17">
            <v>8291818.2002714602</v>
          </cell>
          <cell r="DJ17">
            <v>9.7133600000000007E-3</v>
          </cell>
          <cell r="DK17">
            <v>375089000</v>
          </cell>
        </row>
        <row r="18">
          <cell r="B18">
            <v>0.03</v>
          </cell>
          <cell r="C18">
            <v>-3090252.7305042502</v>
          </cell>
          <cell r="D18">
            <v>13116976.5257739</v>
          </cell>
          <cell r="E18">
            <v>1.0999999999999999E-2</v>
          </cell>
          <cell r="F18">
            <v>261022000</v>
          </cell>
          <cell r="I18">
            <v>-11753821.5777019</v>
          </cell>
          <cell r="J18">
            <v>9663234.7549159508</v>
          </cell>
          <cell r="O18">
            <v>-13179575.530846801</v>
          </cell>
          <cell r="P18">
            <v>8399513.8147698995</v>
          </cell>
          <cell r="DJ18">
            <v>1.0713200000000001E-2</v>
          </cell>
          <cell r="DK18">
            <v>371422000</v>
          </cell>
        </row>
        <row r="19">
          <cell r="B19">
            <v>3.2000000000000001E-2</v>
          </cell>
          <cell r="C19">
            <v>-30808530.999878298</v>
          </cell>
          <cell r="D19">
            <v>12101355.1698236</v>
          </cell>
          <cell r="E19">
            <v>1.2E-2</v>
          </cell>
          <cell r="F19">
            <v>276686000</v>
          </cell>
          <cell r="I19">
            <v>-10320937.060578801</v>
          </cell>
          <cell r="J19">
            <v>9209990.0185647998</v>
          </cell>
          <cell r="O19">
            <v>-28391791.015781</v>
          </cell>
          <cell r="P19">
            <v>8062159.2646681201</v>
          </cell>
          <cell r="DJ19">
            <v>1.1713299999999999E-2</v>
          </cell>
          <cell r="DK19">
            <v>371442000</v>
          </cell>
        </row>
        <row r="20">
          <cell r="B20">
            <v>3.4000000000000002E-2</v>
          </cell>
          <cell r="C20">
            <v>-31584152.006568301</v>
          </cell>
          <cell r="D20">
            <v>12326372.1159689</v>
          </cell>
          <cell r="E20">
            <v>1.2999999999999999E-2</v>
          </cell>
          <cell r="F20">
            <v>291280000</v>
          </cell>
          <cell r="I20">
            <v>-2553307.6880234801</v>
          </cell>
          <cell r="J20">
            <v>9143224.2489805501</v>
          </cell>
          <cell r="O20">
            <v>-8029727.2274591997</v>
          </cell>
          <cell r="P20">
            <v>8698149.7038141191</v>
          </cell>
          <cell r="DJ20">
            <v>1.27134E-2</v>
          </cell>
          <cell r="DK20">
            <v>373492000</v>
          </cell>
        </row>
        <row r="21">
          <cell r="B21">
            <v>3.5999999999999997E-2</v>
          </cell>
          <cell r="C21">
            <v>-6418225.6408726703</v>
          </cell>
          <cell r="D21">
            <v>12655598.850528101</v>
          </cell>
          <cell r="E21">
            <v>1.4E-2</v>
          </cell>
          <cell r="F21">
            <v>303452000</v>
          </cell>
          <cell r="I21">
            <v>29644731.022610299</v>
          </cell>
          <cell r="J21">
            <v>9133007.4946344905</v>
          </cell>
          <cell r="O21">
            <v>21651936.487191401</v>
          </cell>
          <cell r="P21">
            <v>8653515.8871750291</v>
          </cell>
          <cell r="DJ21">
            <v>1.3713599999999999E-2</v>
          </cell>
          <cell r="DK21">
            <v>373155000</v>
          </cell>
        </row>
        <row r="22">
          <cell r="B22">
            <v>3.7999999999999999E-2</v>
          </cell>
          <cell r="C22">
            <v>-36175679.018555701</v>
          </cell>
          <cell r="D22">
            <v>12721447.7014516</v>
          </cell>
          <cell r="E22">
            <v>1.4999999999999999E-2</v>
          </cell>
          <cell r="F22">
            <v>313419000</v>
          </cell>
          <cell r="I22">
            <v>17134953.9835186</v>
          </cell>
          <cell r="J22">
            <v>9132025.0082662404</v>
          </cell>
          <cell r="O22">
            <v>2729174.0336281299</v>
          </cell>
          <cell r="P22">
            <v>8357574.2370720897</v>
          </cell>
          <cell r="DJ22">
            <v>1.47139E-2</v>
          </cell>
          <cell r="DK22">
            <v>350522000</v>
          </cell>
        </row>
        <row r="23">
          <cell r="B23">
            <v>0.04</v>
          </cell>
          <cell r="C23">
            <v>-40480241.581601299</v>
          </cell>
          <cell r="D23">
            <v>12981579.889865801</v>
          </cell>
          <cell r="E23">
            <v>1.6E-2</v>
          </cell>
          <cell r="F23">
            <v>313004000</v>
          </cell>
          <cell r="I23">
            <v>35516006.2103322</v>
          </cell>
          <cell r="J23">
            <v>8997842.1817323007</v>
          </cell>
          <cell r="O23">
            <v>7743066.3780665305</v>
          </cell>
          <cell r="P23">
            <v>8323152.2226520004</v>
          </cell>
          <cell r="DJ23">
            <v>1.5714100000000002E-2</v>
          </cell>
          <cell r="DK23">
            <v>306385000</v>
          </cell>
        </row>
        <row r="24">
          <cell r="B24">
            <v>4.2000000000000003E-2</v>
          </cell>
          <cell r="C24">
            <v>-47512409.729219101</v>
          </cell>
          <cell r="D24">
            <v>13674649.684684001</v>
          </cell>
          <cell r="E24">
            <v>1.7000000000000001E-2</v>
          </cell>
          <cell r="F24">
            <v>286635000</v>
          </cell>
          <cell r="I24">
            <v>14762867.5936803</v>
          </cell>
          <cell r="J24">
            <v>9396293.9973343294</v>
          </cell>
          <cell r="O24">
            <v>728295.0007485</v>
          </cell>
          <cell r="P24">
            <v>8837693.4956592396</v>
          </cell>
          <cell r="DJ24">
            <v>1.6714400000000001E-2</v>
          </cell>
          <cell r="DK24">
            <v>261522000</v>
          </cell>
        </row>
        <row r="25">
          <cell r="B25">
            <v>4.3999999999999997E-2</v>
          </cell>
          <cell r="C25">
            <v>-61774766.162175998</v>
          </cell>
          <cell r="D25">
            <v>11640385.665410399</v>
          </cell>
          <cell r="E25">
            <v>1.7999999999999999E-2</v>
          </cell>
          <cell r="F25">
            <v>251873000</v>
          </cell>
          <cell r="I25">
            <v>-1557182.2819636201</v>
          </cell>
          <cell r="J25">
            <v>9158101.52891808</v>
          </cell>
          <cell r="O25">
            <v>-15072202.633613501</v>
          </cell>
          <cell r="P25">
            <v>8215498.5312526198</v>
          </cell>
          <cell r="DJ25">
            <v>1.77146E-2</v>
          </cell>
          <cell r="DK25">
            <v>225930000</v>
          </cell>
        </row>
        <row r="26">
          <cell r="B26">
            <v>4.5999999999999999E-2</v>
          </cell>
          <cell r="C26">
            <v>-84812212.397483096</v>
          </cell>
          <cell r="D26">
            <v>10934219.641305801</v>
          </cell>
          <cell r="E26">
            <v>1.9E-2</v>
          </cell>
          <cell r="F26">
            <v>224066000</v>
          </cell>
          <cell r="I26">
            <v>-18571039.342519101</v>
          </cell>
          <cell r="J26">
            <v>9320060.3004827108</v>
          </cell>
          <cell r="O26">
            <v>-36551777.4461933</v>
          </cell>
          <cell r="P26">
            <v>7997004.3217901196</v>
          </cell>
          <cell r="DJ26">
            <v>1.87148E-2</v>
          </cell>
          <cell r="DK26">
            <v>197311000</v>
          </cell>
        </row>
        <row r="27">
          <cell r="B27">
            <v>4.8000000000000001E-2</v>
          </cell>
          <cell r="C27">
            <v>-27391368.5980119</v>
          </cell>
          <cell r="D27">
            <v>11936432.1105664</v>
          </cell>
          <cell r="E27">
            <v>0.02</v>
          </cell>
          <cell r="F27">
            <v>192125000</v>
          </cell>
          <cell r="I27">
            <v>7539511.7636818001</v>
          </cell>
          <cell r="J27">
            <v>10357838.827576</v>
          </cell>
          <cell r="O27">
            <v>-12706365.7954881</v>
          </cell>
          <cell r="P27">
            <v>8220651.0706261899</v>
          </cell>
          <cell r="DJ27">
            <v>1.9715E-2</v>
          </cell>
          <cell r="DK27">
            <v>164869000</v>
          </cell>
        </row>
        <row r="28">
          <cell r="B28">
            <v>0.05</v>
          </cell>
          <cell r="C28">
            <v>-28479653.204603601</v>
          </cell>
          <cell r="D28">
            <v>13405379.9116317</v>
          </cell>
          <cell r="E28">
            <v>2.1000000000000001E-2</v>
          </cell>
          <cell r="F28">
            <v>159174000</v>
          </cell>
          <cell r="I28">
            <v>19807346.995129801</v>
          </cell>
          <cell r="J28">
            <v>11024473.0528812</v>
          </cell>
          <cell r="O28">
            <v>5474175.2513922201</v>
          </cell>
          <cell r="P28">
            <v>9043587.0431150105</v>
          </cell>
          <cell r="DJ28">
            <v>2.07152E-2</v>
          </cell>
          <cell r="DK28">
            <v>131883000</v>
          </cell>
        </row>
        <row r="29">
          <cell r="B29">
            <v>5.1999999999999998E-2</v>
          </cell>
          <cell r="C29">
            <v>-54231678.259136103</v>
          </cell>
          <cell r="D29">
            <v>13459049.0771529</v>
          </cell>
          <cell r="E29">
            <v>2.1999999999999999E-2</v>
          </cell>
          <cell r="F29">
            <v>129059000</v>
          </cell>
          <cell r="I29">
            <v>8268501.6532296399</v>
          </cell>
          <cell r="J29">
            <v>10337630.609603999</v>
          </cell>
          <cell r="O29">
            <v>-4947412.0903819501</v>
          </cell>
          <cell r="P29">
            <v>9010211.5893205106</v>
          </cell>
          <cell r="DJ29">
            <v>2.1715399999999999E-2</v>
          </cell>
          <cell r="DK29">
            <v>101590000</v>
          </cell>
        </row>
        <row r="30">
          <cell r="B30">
            <v>5.3999999999999999E-2</v>
          </cell>
          <cell r="C30">
            <v>-53477417.808509201</v>
          </cell>
          <cell r="D30">
            <v>13291403.155479001</v>
          </cell>
          <cell r="E30">
            <v>2.3E-2</v>
          </cell>
          <cell r="F30">
            <v>102441000</v>
          </cell>
          <cell r="I30">
            <v>17071857.359854799</v>
          </cell>
          <cell r="J30">
            <v>10529400.301947899</v>
          </cell>
          <cell r="O30">
            <v>6088715.1020255499</v>
          </cell>
          <cell r="P30">
            <v>9171705.75419637</v>
          </cell>
          <cell r="DJ30">
            <v>2.27155E-2</v>
          </cell>
          <cell r="DK30">
            <v>74495000</v>
          </cell>
        </row>
        <row r="31">
          <cell r="B31">
            <v>5.6000000000000001E-2</v>
          </cell>
          <cell r="C31">
            <v>-44819167.062264897</v>
          </cell>
          <cell r="D31">
            <v>12705744.0659367</v>
          </cell>
          <cell r="E31">
            <v>2.4E-2</v>
          </cell>
          <cell r="F31">
            <v>72053600</v>
          </cell>
          <cell r="I31">
            <v>11696603.625477299</v>
          </cell>
          <cell r="J31">
            <v>10726575.043735299</v>
          </cell>
          <cell r="O31">
            <v>4267521.6476809904</v>
          </cell>
          <cell r="P31">
            <v>8750901.9069912992</v>
          </cell>
          <cell r="DJ31">
            <v>2.3715699999999999E-2</v>
          </cell>
          <cell r="DK31">
            <v>43382500</v>
          </cell>
        </row>
        <row r="32">
          <cell r="B32">
            <v>5.8000000000000003E-2</v>
          </cell>
          <cell r="C32">
            <v>-51571729.836829104</v>
          </cell>
          <cell r="D32">
            <v>13056371.6521996</v>
          </cell>
          <cell r="E32">
            <v>2.5999999999999999E-2</v>
          </cell>
          <cell r="F32">
            <v>31986900</v>
          </cell>
          <cell r="I32">
            <v>14248395.319438901</v>
          </cell>
          <cell r="J32">
            <v>10412518.964234499</v>
          </cell>
          <cell r="O32">
            <v>1760841.66253825</v>
          </cell>
          <cell r="P32">
            <v>8744330.3326725997</v>
          </cell>
          <cell r="DJ32">
            <v>2.57158E-2</v>
          </cell>
          <cell r="DK32">
            <v>1993100</v>
          </cell>
        </row>
        <row r="33">
          <cell r="B33">
            <v>0.06</v>
          </cell>
          <cell r="C33">
            <v>-36438480.083045803</v>
          </cell>
          <cell r="D33">
            <v>13570760.9996347</v>
          </cell>
          <cell r="E33">
            <v>2.8888899999999999E-2</v>
          </cell>
          <cell r="F33">
            <v>-8907760</v>
          </cell>
          <cell r="I33">
            <v>23680133.886066601</v>
          </cell>
          <cell r="J33">
            <v>10479733.982252801</v>
          </cell>
          <cell r="O33">
            <v>11160982.714924401</v>
          </cell>
          <cell r="P33">
            <v>8832309.6780545507</v>
          </cell>
          <cell r="DJ33">
            <v>2.86048E-2</v>
          </cell>
          <cell r="DK33">
            <v>-41656200</v>
          </cell>
        </row>
        <row r="34">
          <cell r="B34">
            <v>6.2E-2</v>
          </cell>
          <cell r="C34">
            <v>-66930676.844885103</v>
          </cell>
          <cell r="D34">
            <v>12909676.159140101</v>
          </cell>
          <cell r="E34">
            <v>3.1777800000000002E-2</v>
          </cell>
          <cell r="F34">
            <v>-18992900</v>
          </cell>
          <cell r="I34">
            <v>3846670.3418159899</v>
          </cell>
          <cell r="J34">
            <v>10819260.094687</v>
          </cell>
          <cell r="O34">
            <v>-12580652.332286101</v>
          </cell>
          <cell r="P34">
            <v>8788979.3498239107</v>
          </cell>
          <cell r="DJ34">
            <v>3.1493800000000002E-2</v>
          </cell>
          <cell r="DK34">
            <v>-53304400</v>
          </cell>
        </row>
        <row r="35">
          <cell r="B35">
            <v>6.4000000000000001E-2</v>
          </cell>
          <cell r="C35">
            <v>-55113871.151195601</v>
          </cell>
          <cell r="D35">
            <v>12989394.514056601</v>
          </cell>
          <cell r="E35">
            <v>3.4666700000000002E-2</v>
          </cell>
          <cell r="F35">
            <v>-19610900</v>
          </cell>
          <cell r="I35">
            <v>15404737.296403101</v>
          </cell>
          <cell r="J35">
            <v>10399216.7410948</v>
          </cell>
          <cell r="O35">
            <v>636096.768907569</v>
          </cell>
          <cell r="P35">
            <v>8802570.1937622</v>
          </cell>
          <cell r="DJ35">
            <v>3.4382799999999998E-2</v>
          </cell>
          <cell r="DK35">
            <v>-53927800</v>
          </cell>
        </row>
        <row r="36">
          <cell r="B36">
            <v>6.6000000000000003E-2</v>
          </cell>
          <cell r="C36">
            <v>-55714622.612458497</v>
          </cell>
          <cell r="D36">
            <v>13344550.3667043</v>
          </cell>
          <cell r="E36">
            <v>3.7555600000000001E-2</v>
          </cell>
          <cell r="F36">
            <v>-20069100</v>
          </cell>
          <cell r="I36">
            <v>15733942.645261001</v>
          </cell>
          <cell r="J36">
            <v>10565148.184035899</v>
          </cell>
          <cell r="O36">
            <v>2128813.01143583</v>
          </cell>
          <cell r="P36">
            <v>9025656.5288812499</v>
          </cell>
          <cell r="DJ36">
            <v>3.7271800000000001E-2</v>
          </cell>
          <cell r="DK36">
            <v>-54328200</v>
          </cell>
        </row>
        <row r="37">
          <cell r="B37">
            <v>6.8000000000000005E-2</v>
          </cell>
          <cell r="C37">
            <v>-25358437.136576701</v>
          </cell>
          <cell r="D37">
            <v>13677169.034759801</v>
          </cell>
          <cell r="E37">
            <v>4.0444399999999998E-2</v>
          </cell>
          <cell r="F37">
            <v>-20650800</v>
          </cell>
          <cell r="I37">
            <v>28157577.002673399</v>
          </cell>
          <cell r="J37">
            <v>10768981.4618225</v>
          </cell>
          <cell r="O37">
            <v>11247694.839571601</v>
          </cell>
          <cell r="P37">
            <v>9019717.1050927807</v>
          </cell>
          <cell r="DJ37">
            <v>4.0160800000000003E-2</v>
          </cell>
          <cell r="DK37">
            <v>-54836800</v>
          </cell>
        </row>
        <row r="38">
          <cell r="B38">
            <v>7.0000000000000007E-2</v>
          </cell>
          <cell r="C38">
            <v>-51607537.718007803</v>
          </cell>
          <cell r="D38">
            <v>14030150.450982001</v>
          </cell>
          <cell r="E38">
            <v>4.3333299999999998E-2</v>
          </cell>
          <cell r="F38">
            <v>-21300100</v>
          </cell>
          <cell r="I38">
            <v>19657213.7673347</v>
          </cell>
          <cell r="J38">
            <v>10755532.0469871</v>
          </cell>
          <cell r="O38">
            <v>4655322.2699444396</v>
          </cell>
          <cell r="P38">
            <v>9214458.5689035896</v>
          </cell>
          <cell r="DJ38">
            <v>4.3049799999999999E-2</v>
          </cell>
          <cell r="DK38">
            <v>-55403300</v>
          </cell>
        </row>
        <row r="39">
          <cell r="B39">
            <v>7.1999999999999995E-2</v>
          </cell>
          <cell r="C39">
            <v>-37737477.652583197</v>
          </cell>
          <cell r="D39">
            <v>13222332.7369128</v>
          </cell>
          <cell r="E39">
            <v>4.6222199999999998E-2</v>
          </cell>
          <cell r="F39">
            <v>-22007900</v>
          </cell>
          <cell r="I39">
            <v>21140904.424701799</v>
          </cell>
          <cell r="J39">
            <v>10777668.905394699</v>
          </cell>
          <cell r="O39">
            <v>4029782.75229361</v>
          </cell>
          <cell r="P39">
            <v>8756876.7100539692</v>
          </cell>
          <cell r="DJ39">
            <v>4.5938800000000002E-2</v>
          </cell>
          <cell r="DK39">
            <v>-56011500</v>
          </cell>
        </row>
        <row r="40">
          <cell r="B40">
            <v>7.3999999999999996E-2</v>
          </cell>
          <cell r="C40">
            <v>-29970133.2758573</v>
          </cell>
          <cell r="D40">
            <v>14299865.230410701</v>
          </cell>
          <cell r="E40">
            <v>4.9111099999999998E-2</v>
          </cell>
          <cell r="F40">
            <v>-22726000</v>
          </cell>
          <cell r="I40">
            <v>29857376.492779002</v>
          </cell>
          <cell r="J40">
            <v>10490318.2447985</v>
          </cell>
          <cell r="O40">
            <v>13132969.348238699</v>
          </cell>
          <cell r="P40">
            <v>9280951.4628827404</v>
          </cell>
          <cell r="DJ40">
            <v>4.8827799999999998E-2</v>
          </cell>
          <cell r="DK40">
            <v>-56626000</v>
          </cell>
        </row>
        <row r="41">
          <cell r="B41">
            <v>7.5999999999999998E-2</v>
          </cell>
          <cell r="C41">
            <v>-59606189.876187898</v>
          </cell>
          <cell r="D41">
            <v>13231238.506603099</v>
          </cell>
          <cell r="E41">
            <v>5.1999999999999998E-2</v>
          </cell>
          <cell r="F41">
            <v>-23722600</v>
          </cell>
          <cell r="I41">
            <v>15066173.5928765</v>
          </cell>
          <cell r="J41">
            <v>10578127.4421978</v>
          </cell>
          <cell r="O41">
            <v>2500413.3914531502</v>
          </cell>
          <cell r="P41">
            <v>8977592.7765667606</v>
          </cell>
          <cell r="DJ41">
            <v>5.17168E-2</v>
          </cell>
          <cell r="DK41">
            <v>-57467300</v>
          </cell>
        </row>
        <row r="42">
          <cell r="B42">
            <v>7.8E-2</v>
          </cell>
          <cell r="C42">
            <v>-60762792.877106503</v>
          </cell>
          <cell r="D42">
            <v>15261617.643240999</v>
          </cell>
          <cell r="E42">
            <v>5.8000000000000003E-2</v>
          </cell>
          <cell r="F42">
            <v>-24951800</v>
          </cell>
          <cell r="I42">
            <v>13631595.412985001</v>
          </cell>
          <cell r="J42">
            <v>11025539.556362201</v>
          </cell>
          <cell r="O42">
            <v>-4658907.8964138497</v>
          </cell>
          <cell r="P42">
            <v>9380162.7269607894</v>
          </cell>
          <cell r="DJ42">
            <v>5.77171E-2</v>
          </cell>
          <cell r="DK42">
            <v>-58496500</v>
          </cell>
        </row>
        <row r="43">
          <cell r="B43">
            <v>0.08</v>
          </cell>
          <cell r="C43">
            <v>-71615708.688548595</v>
          </cell>
          <cell r="D43">
            <v>13265424.399909999</v>
          </cell>
          <cell r="E43">
            <v>5.8865199999999999E-2</v>
          </cell>
          <cell r="F43">
            <v>-25669400</v>
          </cell>
          <cell r="I43">
            <v>12621497.3467742</v>
          </cell>
          <cell r="J43">
            <v>10671195.051196501</v>
          </cell>
          <cell r="O43">
            <v>-5855872.8446496101</v>
          </cell>
          <cell r="P43">
            <v>8860352.5630674809</v>
          </cell>
          <cell r="DJ43">
            <v>5.8582299999999997E-2</v>
          </cell>
          <cell r="DK43">
            <v>-59102800</v>
          </cell>
        </row>
        <row r="44">
          <cell r="B44">
            <v>8.2000000000000003E-2</v>
          </cell>
          <cell r="C44">
            <v>-39352743.8175776</v>
          </cell>
          <cell r="D44">
            <v>13775288.9190832</v>
          </cell>
          <cell r="E44">
            <v>5.9776700000000002E-2</v>
          </cell>
          <cell r="F44">
            <v>-25975800</v>
          </cell>
          <cell r="I44">
            <v>26783395.5765782</v>
          </cell>
          <cell r="J44">
            <v>11011532.585007301</v>
          </cell>
          <cell r="O44">
            <v>12246533.535776701</v>
          </cell>
          <cell r="P44">
            <v>9093305.0974635407</v>
          </cell>
          <cell r="DJ44">
            <v>5.9493900000000002E-2</v>
          </cell>
          <cell r="DK44">
            <v>-59372800</v>
          </cell>
        </row>
        <row r="45">
          <cell r="B45">
            <v>8.4000000000000005E-2</v>
          </cell>
          <cell r="C45">
            <v>-59067837.738285802</v>
          </cell>
          <cell r="D45">
            <v>12677822.017986899</v>
          </cell>
          <cell r="E45">
            <v>6.0999999999999999E-2</v>
          </cell>
          <cell r="F45">
            <v>-26546200</v>
          </cell>
          <cell r="I45">
            <v>15373323.1577754</v>
          </cell>
          <cell r="J45">
            <v>10087701.5206799</v>
          </cell>
          <cell r="O45">
            <v>-1055671.6110014301</v>
          </cell>
          <cell r="P45">
            <v>8614800.2409144007</v>
          </cell>
          <cell r="DJ45">
            <v>6.0717199999999999E-2</v>
          </cell>
          <cell r="DK45">
            <v>-59836000</v>
          </cell>
        </row>
        <row r="46">
          <cell r="B46">
            <v>8.5999999999999993E-2</v>
          </cell>
          <cell r="C46">
            <v>-54615554.5031882</v>
          </cell>
          <cell r="D46">
            <v>13260619.872185299</v>
          </cell>
          <cell r="E46">
            <v>6.4236399999999999E-2</v>
          </cell>
          <cell r="F46">
            <v>-27534800</v>
          </cell>
          <cell r="I46">
            <v>9511952.4023273308</v>
          </cell>
          <cell r="J46">
            <v>10435832.3316954</v>
          </cell>
          <cell r="O46">
            <v>19232.961197121102</v>
          </cell>
          <cell r="P46">
            <v>8946129.93234176</v>
          </cell>
          <cell r="DJ46">
            <v>6.3953800000000005E-2</v>
          </cell>
          <cell r="DK46">
            <v>-60635400</v>
          </cell>
        </row>
        <row r="47">
          <cell r="B47">
            <v>8.7999999999999995E-2</v>
          </cell>
          <cell r="C47">
            <v>-55252204.432733402</v>
          </cell>
          <cell r="D47">
            <v>12701739.692009499</v>
          </cell>
          <cell r="E47">
            <v>6.7737000000000006E-2</v>
          </cell>
          <cell r="F47">
            <v>-28787500</v>
          </cell>
          <cell r="I47">
            <v>13776497.1139617</v>
          </cell>
          <cell r="J47">
            <v>10047144.4825064</v>
          </cell>
          <cell r="O47">
            <v>2266225.52281838</v>
          </cell>
          <cell r="P47">
            <v>8889941.2545622103</v>
          </cell>
          <cell r="DJ47">
            <v>6.7454600000000003E-2</v>
          </cell>
          <cell r="DK47">
            <v>-61662800</v>
          </cell>
        </row>
        <row r="48">
          <cell r="B48">
            <v>0.09</v>
          </cell>
          <cell r="C48">
            <v>-79652815.175833195</v>
          </cell>
          <cell r="D48">
            <v>12986540.248373199</v>
          </cell>
          <cell r="E48">
            <v>7.1523299999999998E-2</v>
          </cell>
          <cell r="F48">
            <v>-30189600</v>
          </cell>
          <cell r="I48">
            <v>1227883.1994222</v>
          </cell>
          <cell r="J48">
            <v>10670278.6773428</v>
          </cell>
          <cell r="O48">
            <v>-9707890.6191912405</v>
          </cell>
          <cell r="P48">
            <v>8857793.3311041109</v>
          </cell>
          <cell r="DJ48">
            <v>7.1241200000000005E-2</v>
          </cell>
          <cell r="DK48">
            <v>-62804700</v>
          </cell>
        </row>
        <row r="49">
          <cell r="B49">
            <v>9.1999999999999998E-2</v>
          </cell>
          <cell r="C49">
            <v>-73449333.532567993</v>
          </cell>
          <cell r="D49">
            <v>13247639.5716001</v>
          </cell>
          <cell r="E49">
            <v>7.56188E-2</v>
          </cell>
          <cell r="F49">
            <v>-31750600</v>
          </cell>
          <cell r="I49">
            <v>11315969.977023</v>
          </cell>
          <cell r="J49">
            <v>10683688.491193499</v>
          </cell>
          <cell r="O49">
            <v>-12374039.1623982</v>
          </cell>
          <cell r="P49">
            <v>8879085.5015748795</v>
          </cell>
          <cell r="DJ49">
            <v>7.5336899999999998E-2</v>
          </cell>
          <cell r="DK49">
            <v>-64067700</v>
          </cell>
        </row>
        <row r="50">
          <cell r="B50">
            <v>9.4E-2</v>
          </cell>
          <cell r="C50">
            <v>-44772292.900748298</v>
          </cell>
          <cell r="D50">
            <v>13223013.644500099</v>
          </cell>
          <cell r="E50">
            <v>8.0048499999999995E-2</v>
          </cell>
          <cell r="F50">
            <v>-33478100</v>
          </cell>
          <cell r="I50">
            <v>24356529.719510902</v>
          </cell>
          <cell r="J50">
            <v>10653583.014883799</v>
          </cell>
          <cell r="O50">
            <v>4529094.8692426896</v>
          </cell>
          <cell r="P50">
            <v>8975238.9229049198</v>
          </cell>
          <cell r="DJ50">
            <v>7.9767000000000005E-2</v>
          </cell>
          <cell r="DK50">
            <v>-65455300</v>
          </cell>
        </row>
        <row r="51">
          <cell r="B51">
            <v>9.6000000000000002E-2</v>
          </cell>
          <cell r="C51">
            <v>-50304660.821253501</v>
          </cell>
          <cell r="D51">
            <v>15292363.813863</v>
          </cell>
          <cell r="E51">
            <v>8.4839899999999996E-2</v>
          </cell>
          <cell r="F51">
            <v>-35375700</v>
          </cell>
          <cell r="I51">
            <v>21767526.221104398</v>
          </cell>
          <cell r="J51">
            <v>10809277.6577338</v>
          </cell>
          <cell r="O51">
            <v>5710304.6692958204</v>
          </cell>
          <cell r="P51">
            <v>9303334.6917076204</v>
          </cell>
          <cell r="DJ51">
            <v>8.4558800000000003E-2</v>
          </cell>
          <cell r="DK51">
            <v>-66967500</v>
          </cell>
        </row>
        <row r="52">
          <cell r="B52">
            <v>9.8000000000000004E-2</v>
          </cell>
          <cell r="C52">
            <v>-73269251.494686499</v>
          </cell>
          <cell r="D52">
            <v>13496523.3210545</v>
          </cell>
          <cell r="E52">
            <v>9.0022500000000005E-2</v>
          </cell>
          <cell r="F52">
            <v>-37440800</v>
          </cell>
          <cell r="I52">
            <v>8219922.9815099202</v>
          </cell>
          <cell r="J52">
            <v>10842208.536632501</v>
          </cell>
          <cell r="O52">
            <v>-3818080.3076201002</v>
          </cell>
          <cell r="P52">
            <v>8877625.5763798803</v>
          </cell>
          <cell r="DJ52">
            <v>8.9741799999999997E-2</v>
          </cell>
          <cell r="DK52">
            <v>-68597900</v>
          </cell>
        </row>
        <row r="53">
          <cell r="B53">
            <v>0.1</v>
          </cell>
          <cell r="C53">
            <v>-69569220.379158095</v>
          </cell>
          <cell r="D53">
            <v>12928164.878979901</v>
          </cell>
          <cell r="E53">
            <v>9.5628099999999994E-2</v>
          </cell>
          <cell r="F53">
            <v>-39661300</v>
          </cell>
          <cell r="I53">
            <v>10573840.7218007</v>
          </cell>
          <cell r="J53">
            <v>9963897.4629814494</v>
          </cell>
          <cell r="O53">
            <v>-5141341.3014792698</v>
          </cell>
          <cell r="P53">
            <v>8664298.8954645507</v>
          </cell>
          <cell r="DJ53">
            <v>9.5347899999999999E-2</v>
          </cell>
          <cell r="DK53">
            <v>-70331600</v>
          </cell>
        </row>
        <row r="54">
          <cell r="B54">
            <v>0.10199999999999999</v>
          </cell>
          <cell r="C54">
            <v>-38214087.219721504</v>
          </cell>
          <cell r="D54">
            <v>13544895.386314901</v>
          </cell>
          <cell r="E54">
            <v>0.101691</v>
          </cell>
          <cell r="F54">
            <v>-42011700</v>
          </cell>
          <cell r="I54">
            <v>24495283.469244</v>
          </cell>
          <cell r="J54">
            <v>11091144.4945226</v>
          </cell>
          <cell r="O54">
            <v>7476528.13839819</v>
          </cell>
          <cell r="P54">
            <v>9117705.3168644905</v>
          </cell>
          <cell r="DJ54">
            <v>0.101412</v>
          </cell>
          <cell r="DK54">
            <v>-72140700</v>
          </cell>
        </row>
        <row r="55">
          <cell r="B55">
            <v>0.104</v>
          </cell>
          <cell r="C55">
            <v>-62034201.458369099</v>
          </cell>
          <cell r="D55">
            <v>13392076.350018799</v>
          </cell>
          <cell r="E55">
            <v>0.108249</v>
          </cell>
          <cell r="F55">
            <v>-44446800</v>
          </cell>
          <cell r="I55">
            <v>17847966.283501599</v>
          </cell>
          <cell r="J55">
            <v>10445207.8178737</v>
          </cell>
          <cell r="O55">
            <v>5498828.2416454898</v>
          </cell>
          <cell r="P55">
            <v>8855927.8712557591</v>
          </cell>
          <cell r="DJ55">
            <v>0.107971</v>
          </cell>
          <cell r="DK55">
            <v>-73979600</v>
          </cell>
        </row>
        <row r="56">
          <cell r="B56">
            <v>0.106</v>
          </cell>
          <cell r="C56">
            <v>-70891209.835119903</v>
          </cell>
          <cell r="D56">
            <v>13361910.875266001</v>
          </cell>
          <cell r="E56">
            <v>0.115343</v>
          </cell>
          <cell r="F56">
            <v>-46895100</v>
          </cell>
          <cell r="I56">
            <v>17394032.083115101</v>
          </cell>
          <cell r="J56">
            <v>10461397.956363199</v>
          </cell>
          <cell r="O56">
            <v>-603336.16367860499</v>
          </cell>
          <cell r="P56">
            <v>8889955.1653704103</v>
          </cell>
          <cell r="DJ56">
            <v>0.115065</v>
          </cell>
          <cell r="DK56">
            <v>-75777400</v>
          </cell>
        </row>
        <row r="57">
          <cell r="B57">
            <v>0.108</v>
          </cell>
          <cell r="C57">
            <v>-60441333.562164299</v>
          </cell>
          <cell r="D57">
            <v>13814159.603351301</v>
          </cell>
          <cell r="E57">
            <v>0.123016</v>
          </cell>
          <cell r="F57">
            <v>-49247400</v>
          </cell>
          <cell r="I57">
            <v>23243426.563035998</v>
          </cell>
          <cell r="J57">
            <v>10652567.1428244</v>
          </cell>
          <cell r="O57">
            <v>5012944.4997381195</v>
          </cell>
          <cell r="P57">
            <v>8951628.0487736501</v>
          </cell>
          <cell r="DJ57">
            <v>0.122738</v>
          </cell>
          <cell r="DK57">
            <v>-77428500</v>
          </cell>
        </row>
        <row r="58">
          <cell r="B58">
            <v>0.11</v>
          </cell>
          <cell r="C58">
            <v>-78001062.540344596</v>
          </cell>
          <cell r="D58">
            <v>12308132.0678216</v>
          </cell>
          <cell r="E58">
            <v>0.13131399999999999</v>
          </cell>
          <cell r="F58">
            <v>-51344100</v>
          </cell>
          <cell r="I58">
            <v>8433494.8199161105</v>
          </cell>
          <cell r="J58">
            <v>10152386.0117233</v>
          </cell>
          <cell r="O58">
            <v>-6056226.5432640901</v>
          </cell>
          <cell r="P58">
            <v>8556781.5720839892</v>
          </cell>
          <cell r="DJ58">
            <v>0.13103799999999999</v>
          </cell>
          <cell r="DK58">
            <v>-78779700</v>
          </cell>
        </row>
        <row r="59">
          <cell r="B59">
            <v>0.112</v>
          </cell>
          <cell r="C59">
            <v>-58242244.372239299</v>
          </cell>
          <cell r="D59">
            <v>13760420.28263</v>
          </cell>
          <cell r="E59">
            <v>0.140291</v>
          </cell>
          <cell r="F59">
            <v>-52957000</v>
          </cell>
          <cell r="I59">
            <v>20448954.9490337</v>
          </cell>
          <cell r="J59">
            <v>10457893.818618899</v>
          </cell>
          <cell r="O59">
            <v>3972475.3787531201</v>
          </cell>
          <cell r="P59">
            <v>8981460.6288697198</v>
          </cell>
          <cell r="DJ59">
            <v>0.140016</v>
          </cell>
          <cell r="DK59">
            <v>-79612800</v>
          </cell>
        </row>
        <row r="60">
          <cell r="B60">
            <v>0.114</v>
          </cell>
          <cell r="C60">
            <v>-106033612.982115</v>
          </cell>
          <cell r="D60">
            <v>13617199.2638715</v>
          </cell>
          <cell r="E60">
            <v>0.15</v>
          </cell>
          <cell r="F60">
            <v>-53608800</v>
          </cell>
          <cell r="I60">
            <v>-758201.69984456198</v>
          </cell>
          <cell r="J60">
            <v>10302455.713358499</v>
          </cell>
          <cell r="O60">
            <v>-18087481.7044475</v>
          </cell>
          <cell r="P60">
            <v>8731603.4323927406</v>
          </cell>
          <cell r="DJ60">
            <v>0.149726</v>
          </cell>
          <cell r="DK60">
            <v>-79867700</v>
          </cell>
        </row>
        <row r="61">
          <cell r="B61">
            <v>0.11600000000000001</v>
          </cell>
          <cell r="C61">
            <v>-78197864.301558599</v>
          </cell>
          <cell r="D61">
            <v>12315299.348539099</v>
          </cell>
          <cell r="I61">
            <v>17061193.764603999</v>
          </cell>
          <cell r="J61">
            <v>10211677.959540799</v>
          </cell>
          <cell r="O61">
            <v>1328619.0803811899</v>
          </cell>
          <cell r="P61">
            <v>8799994.13953151</v>
          </cell>
        </row>
        <row r="62">
          <cell r="B62">
            <v>0.11799999999999999</v>
          </cell>
          <cell r="C62">
            <v>-86061388.053741798</v>
          </cell>
          <cell r="D62">
            <v>12823260.2950188</v>
          </cell>
          <cell r="I62">
            <v>15318951.587505599</v>
          </cell>
          <cell r="J62">
            <v>10631753.3868166</v>
          </cell>
          <cell r="O62">
            <v>-1500009.2014281601</v>
          </cell>
          <cell r="P62">
            <v>8859331.6714608893</v>
          </cell>
        </row>
        <row r="63">
          <cell r="B63">
            <v>0.12</v>
          </cell>
          <cell r="C63">
            <v>-84478039.8804539</v>
          </cell>
          <cell r="D63">
            <v>12744797.089712201</v>
          </cell>
          <cell r="I63">
            <v>13043499.6067426</v>
          </cell>
          <cell r="J63">
            <v>10556945.618609199</v>
          </cell>
          <cell r="O63">
            <v>-8088157.8354899399</v>
          </cell>
          <cell r="P63">
            <v>8681257.8385852203</v>
          </cell>
        </row>
        <row r="64">
          <cell r="B64">
            <v>0.122</v>
          </cell>
          <cell r="C64">
            <v>-86005967.800437406</v>
          </cell>
          <cell r="D64">
            <v>12596675.9128698</v>
          </cell>
          <cell r="I64">
            <v>13855110.1690218</v>
          </cell>
          <cell r="J64">
            <v>10404347.776547</v>
          </cell>
          <cell r="O64">
            <v>-4158270.5399827901</v>
          </cell>
          <cell r="P64">
            <v>8870084.1551216692</v>
          </cell>
        </row>
        <row r="65">
          <cell r="B65">
            <v>0.124</v>
          </cell>
          <cell r="C65">
            <v>-70453049.358830899</v>
          </cell>
          <cell r="D65">
            <v>13877222.292750999</v>
          </cell>
          <cell r="I65">
            <v>20932386.924353398</v>
          </cell>
          <cell r="J65">
            <v>10635463.335666699</v>
          </cell>
          <cell r="O65">
            <v>7977089.7872206401</v>
          </cell>
          <cell r="P65">
            <v>9022794.8206299804</v>
          </cell>
        </row>
        <row r="66">
          <cell r="B66">
            <v>0.126</v>
          </cell>
          <cell r="C66">
            <v>-64204009.549458399</v>
          </cell>
          <cell r="D66">
            <v>12798038.895814201</v>
          </cell>
          <cell r="I66">
            <v>24256680.330423102</v>
          </cell>
          <cell r="J66">
            <v>10404452.4359867</v>
          </cell>
          <cell r="O66">
            <v>3170763.3615977098</v>
          </cell>
          <cell r="P66">
            <v>8532626.9694062397</v>
          </cell>
        </row>
        <row r="67">
          <cell r="B67">
            <v>0.128</v>
          </cell>
          <cell r="C67">
            <v>-77553009.740693897</v>
          </cell>
          <cell r="D67">
            <v>13306092.9444755</v>
          </cell>
          <cell r="I67">
            <v>14247784.181674</v>
          </cell>
          <cell r="J67">
            <v>10786201.757291401</v>
          </cell>
          <cell r="O67">
            <v>-708420.57318269799</v>
          </cell>
          <cell r="P67">
            <v>8804324.6939567402</v>
          </cell>
        </row>
        <row r="68">
          <cell r="B68">
            <v>0.13</v>
          </cell>
          <cell r="C68">
            <v>-83721510.708218306</v>
          </cell>
          <cell r="D68">
            <v>13535094.6816357</v>
          </cell>
          <cell r="I68">
            <v>22687615.352899499</v>
          </cell>
          <cell r="J68">
            <v>10716318.427593401</v>
          </cell>
          <cell r="O68">
            <v>-370328.93158628599</v>
          </cell>
          <cell r="P68">
            <v>9125834.9273733906</v>
          </cell>
        </row>
        <row r="71">
          <cell r="C71" t="str">
            <v>Weld Bead</v>
          </cell>
        </row>
        <row r="72">
          <cell r="B72">
            <v>3.0000000000000001E-3</v>
          </cell>
          <cell r="C72">
            <v>-400000000</v>
          </cell>
        </row>
        <row r="73">
          <cell r="B73">
            <v>3.0000000000000001E-3</v>
          </cell>
          <cell r="C73">
            <v>500000000</v>
          </cell>
        </row>
      </sheetData>
      <sheetData sheetId="3"/>
      <sheetData sheetId="4"/>
      <sheetData sheetId="5"/>
      <sheetData sheetId="6"/>
      <sheetData sheetId="7"/>
      <sheetData sheetId="8"/>
      <sheetData sheetId="9">
        <row r="2">
          <cell r="L2" t="str">
            <v>Weld Bead</v>
          </cell>
          <cell r="P2" t="str">
            <v>6.0 mm</v>
          </cell>
          <cell r="R2" t="str">
            <v>6.2 mm</v>
          </cell>
          <cell r="T2" t="str">
            <v>6.5 mm</v>
          </cell>
          <cell r="V2" t="str">
            <v>7.0 mm</v>
          </cell>
          <cell r="AB2" t="str">
            <v>As welded</v>
          </cell>
        </row>
        <row r="3">
          <cell r="K3">
            <v>3.0000000000000001E-3</v>
          </cell>
          <cell r="L3">
            <v>-400000000</v>
          </cell>
          <cell r="O3">
            <v>0</v>
          </cell>
          <cell r="P3">
            <v>-119202000</v>
          </cell>
          <cell r="Q3">
            <v>0</v>
          </cell>
          <cell r="R3">
            <v>-98017400</v>
          </cell>
          <cell r="S3">
            <v>0</v>
          </cell>
          <cell r="T3">
            <v>132928000</v>
          </cell>
          <cell r="U3">
            <v>0</v>
          </cell>
          <cell r="V3">
            <v>237225000</v>
          </cell>
          <cell r="AA3">
            <v>0</v>
          </cell>
          <cell r="AB3">
            <v>432692000</v>
          </cell>
        </row>
        <row r="4">
          <cell r="K4">
            <v>3.0000000000000001E-3</v>
          </cell>
          <cell r="L4">
            <v>500000000</v>
          </cell>
          <cell r="O4">
            <v>9.00036E-4</v>
          </cell>
          <cell r="P4">
            <v>-141370000</v>
          </cell>
          <cell r="Q4">
            <v>9.0018699999999999E-4</v>
          </cell>
          <cell r="R4">
            <v>-113305000</v>
          </cell>
          <cell r="S4">
            <v>9.0271899999999996E-4</v>
          </cell>
          <cell r="T4">
            <v>119186000</v>
          </cell>
          <cell r="U4">
            <v>9.0367400000000004E-4</v>
          </cell>
          <cell r="V4">
            <v>241910000</v>
          </cell>
          <cell r="AA4">
            <v>9.0454800000000003E-4</v>
          </cell>
          <cell r="AB4">
            <v>432677000</v>
          </cell>
        </row>
        <row r="5">
          <cell r="O5">
            <v>1.7238900000000001E-3</v>
          </cell>
          <cell r="P5">
            <v>-174161000</v>
          </cell>
          <cell r="Q5">
            <v>1.7247499999999999E-3</v>
          </cell>
          <cell r="R5">
            <v>-134853000</v>
          </cell>
          <cell r="S5">
            <v>1.7267199999999999E-3</v>
          </cell>
          <cell r="T5">
            <v>62236700</v>
          </cell>
          <cell r="U5">
            <v>1.72912E-3</v>
          </cell>
          <cell r="V5">
            <v>239515000</v>
          </cell>
          <cell r="AA5">
            <v>1.73072E-3</v>
          </cell>
          <cell r="AB5">
            <v>432771000</v>
          </cell>
        </row>
        <row r="6">
          <cell r="O6">
            <v>2.4842499999999999E-3</v>
          </cell>
          <cell r="P6">
            <v>-177474000</v>
          </cell>
          <cell r="Q6">
            <v>2.4802299999999999E-3</v>
          </cell>
          <cell r="R6">
            <v>-151500000</v>
          </cell>
          <cell r="S6">
            <v>2.48146E-3</v>
          </cell>
          <cell r="T6">
            <v>-31181700</v>
          </cell>
          <cell r="U6">
            <v>2.4829800000000001E-3</v>
          </cell>
          <cell r="V6">
            <v>209884000</v>
          </cell>
          <cell r="AA6">
            <v>2.4856499999999998E-3</v>
          </cell>
          <cell r="AB6">
            <v>433479000</v>
          </cell>
        </row>
        <row r="7">
          <cell r="O7">
            <v>3.1721800000000001E-3</v>
          </cell>
          <cell r="P7">
            <v>-199715000</v>
          </cell>
          <cell r="Q7">
            <v>3.1698099999999999E-3</v>
          </cell>
          <cell r="R7">
            <v>-172383000</v>
          </cell>
          <cell r="S7">
            <v>3.17001E-3</v>
          </cell>
          <cell r="T7">
            <v>-95916300</v>
          </cell>
          <cell r="U7">
            <v>3.1720199999999998E-3</v>
          </cell>
          <cell r="V7">
            <v>155980000</v>
          </cell>
          <cell r="AA7">
            <v>3.1753900000000002E-3</v>
          </cell>
          <cell r="AB7">
            <v>434419000</v>
          </cell>
        </row>
        <row r="8">
          <cell r="O8">
            <v>3.80898E-3</v>
          </cell>
          <cell r="P8">
            <v>-215565000</v>
          </cell>
          <cell r="Q8">
            <v>3.8027899999999999E-3</v>
          </cell>
          <cell r="R8">
            <v>-178241000</v>
          </cell>
          <cell r="S8">
            <v>3.7996900000000001E-3</v>
          </cell>
          <cell r="T8">
            <v>-114392000</v>
          </cell>
          <cell r="U8">
            <v>3.8020599999999999E-3</v>
          </cell>
          <cell r="V8">
            <v>98960200</v>
          </cell>
          <cell r="AA8">
            <v>3.8069699999999998E-3</v>
          </cell>
          <cell r="AB8">
            <v>435563000</v>
          </cell>
        </row>
        <row r="9">
          <cell r="O9">
            <v>4.3929299999999998E-3</v>
          </cell>
          <cell r="P9">
            <v>-200246000</v>
          </cell>
          <cell r="Q9">
            <v>4.3857200000000001E-3</v>
          </cell>
          <cell r="R9">
            <v>-178076000</v>
          </cell>
          <cell r="S9">
            <v>4.3790799999999996E-3</v>
          </cell>
          <cell r="T9">
            <v>-125380000</v>
          </cell>
          <cell r="U9">
            <v>4.3813200000000002E-3</v>
          </cell>
          <cell r="V9">
            <v>8463820</v>
          </cell>
          <cell r="AA9">
            <v>4.3872099999999999E-3</v>
          </cell>
          <cell r="AB9">
            <v>437484000</v>
          </cell>
        </row>
        <row r="10">
          <cell r="O10">
            <v>4.9326999999999999E-3</v>
          </cell>
          <cell r="P10">
            <v>-196468000</v>
          </cell>
          <cell r="Q10">
            <v>4.9234099999999996E-3</v>
          </cell>
          <cell r="R10">
            <v>-185723000</v>
          </cell>
          <cell r="S10">
            <v>4.9166000000000001E-3</v>
          </cell>
          <cell r="T10">
            <v>-149531000</v>
          </cell>
          <cell r="U10">
            <v>4.9158800000000001E-3</v>
          </cell>
          <cell r="V10">
            <v>-92934500</v>
          </cell>
          <cell r="AA10">
            <v>4.9231800000000001E-3</v>
          </cell>
          <cell r="AB10">
            <v>439977000</v>
          </cell>
        </row>
        <row r="11">
          <cell r="O11">
            <v>5.4318999999999999E-3</v>
          </cell>
          <cell r="P11">
            <v>-197051000</v>
          </cell>
          <cell r="Q11">
            <v>5.4221599999999997E-3</v>
          </cell>
          <cell r="R11">
            <v>-193448000</v>
          </cell>
          <cell r="S11">
            <v>5.4123900000000004E-3</v>
          </cell>
          <cell r="T11">
            <v>-176209000</v>
          </cell>
          <cell r="U11">
            <v>5.4107599999999997E-3</v>
          </cell>
          <cell r="V11">
            <v>-128685000</v>
          </cell>
          <cell r="AA11">
            <v>5.4190000000000002E-3</v>
          </cell>
          <cell r="AB11">
            <v>439549000</v>
          </cell>
        </row>
        <row r="12">
          <cell r="O12">
            <v>5.88902E-3</v>
          </cell>
          <cell r="P12">
            <v>-187600000</v>
          </cell>
          <cell r="Q12">
            <v>5.8791299999999998E-3</v>
          </cell>
          <cell r="R12">
            <v>-190827000</v>
          </cell>
          <cell r="S12">
            <v>5.8669200000000003E-3</v>
          </cell>
          <cell r="T12">
            <v>-200621000</v>
          </cell>
          <cell r="U12">
            <v>5.8641800000000001E-3</v>
          </cell>
          <cell r="V12">
            <v>-177526000</v>
          </cell>
          <cell r="AA12">
            <v>5.8731599999999997E-3</v>
          </cell>
          <cell r="AB12">
            <v>432853000</v>
          </cell>
        </row>
        <row r="13">
          <cell r="O13">
            <v>6.3036400000000001E-3</v>
          </cell>
          <cell r="P13">
            <v>-172262000</v>
          </cell>
          <cell r="Q13">
            <v>6.2938500000000001E-3</v>
          </cell>
          <cell r="R13">
            <v>-188495000</v>
          </cell>
          <cell r="S13">
            <v>6.2818500000000003E-3</v>
          </cell>
          <cell r="T13">
            <v>-231453000</v>
          </cell>
          <cell r="U13">
            <v>6.27693E-3</v>
          </cell>
          <cell r="V13">
            <v>-232923000</v>
          </cell>
          <cell r="AA13">
            <v>6.2858599999999999E-3</v>
          </cell>
          <cell r="AB13">
            <v>427079000</v>
          </cell>
        </row>
        <row r="14">
          <cell r="O14">
            <v>7.4487099999999999E-3</v>
          </cell>
          <cell r="P14">
            <v>-160434000</v>
          </cell>
          <cell r="Q14">
            <v>7.4416100000000004E-3</v>
          </cell>
          <cell r="R14">
            <v>-202130000</v>
          </cell>
          <cell r="S14">
            <v>7.4285999999999996E-3</v>
          </cell>
          <cell r="T14">
            <v>-267654000</v>
          </cell>
          <cell r="U14">
            <v>7.4185099999999997E-3</v>
          </cell>
          <cell r="V14">
            <v>-275119000</v>
          </cell>
          <cell r="AA14">
            <v>7.4262099999999999E-3</v>
          </cell>
          <cell r="AB14">
            <v>421646000</v>
          </cell>
        </row>
        <row r="15">
          <cell r="O15">
            <v>8.5926800000000001E-3</v>
          </cell>
          <cell r="P15">
            <v>-151133000</v>
          </cell>
          <cell r="Q15">
            <v>8.5898099999999998E-3</v>
          </cell>
          <cell r="R15">
            <v>-215700000</v>
          </cell>
          <cell r="S15">
            <v>8.5811700000000008E-3</v>
          </cell>
          <cell r="T15">
            <v>-291815000</v>
          </cell>
          <cell r="U15">
            <v>8.5707500000000002E-3</v>
          </cell>
          <cell r="V15">
            <v>-331986000</v>
          </cell>
          <cell r="AA15">
            <v>8.56758E-3</v>
          </cell>
          <cell r="AB15">
            <v>400745000</v>
          </cell>
        </row>
        <row r="16">
          <cell r="O16">
            <v>9.7350300000000004E-3</v>
          </cell>
          <cell r="P16">
            <v>-141961000</v>
          </cell>
          <cell r="Q16">
            <v>9.7358199999999992E-3</v>
          </cell>
          <cell r="R16">
            <v>-216027000</v>
          </cell>
          <cell r="S16">
            <v>9.7350100000000005E-3</v>
          </cell>
          <cell r="T16">
            <v>-290311000</v>
          </cell>
          <cell r="U16">
            <v>9.7313599999999997E-3</v>
          </cell>
          <cell r="V16">
            <v>-352971000</v>
          </cell>
          <cell r="AA16">
            <v>9.7095199999999993E-3</v>
          </cell>
          <cell r="AB16">
            <v>384748000</v>
          </cell>
        </row>
        <row r="17">
          <cell r="O17">
            <v>1.07362E-2</v>
          </cell>
          <cell r="P17">
            <v>-114737000</v>
          </cell>
          <cell r="Q17">
            <v>1.07397E-2</v>
          </cell>
          <cell r="R17">
            <v>-195581000</v>
          </cell>
          <cell r="S17">
            <v>1.0742E-2</v>
          </cell>
          <cell r="T17">
            <v>-265956000</v>
          </cell>
          <cell r="U17">
            <v>1.07463E-2</v>
          </cell>
          <cell r="V17">
            <v>-333682000</v>
          </cell>
          <cell r="AA17">
            <v>1.07095E-2</v>
          </cell>
          <cell r="AB17">
            <v>384615000</v>
          </cell>
        </row>
        <row r="18">
          <cell r="O18">
            <v>1.1734400000000001E-2</v>
          </cell>
          <cell r="P18">
            <v>-77045900</v>
          </cell>
          <cell r="Q18">
            <v>1.17386E-2</v>
          </cell>
          <cell r="R18">
            <v>-161088000</v>
          </cell>
          <cell r="S18">
            <v>1.1746700000000001E-2</v>
          </cell>
          <cell r="T18">
            <v>-232914000</v>
          </cell>
          <cell r="U18">
            <v>1.17561E-2</v>
          </cell>
          <cell r="V18">
            <v>-289914000</v>
          </cell>
          <cell r="AA18">
            <v>1.1709600000000001E-2</v>
          </cell>
          <cell r="AB18">
            <v>385402000</v>
          </cell>
        </row>
        <row r="19">
          <cell r="O19">
            <v>1.27344E-2</v>
          </cell>
          <cell r="P19">
            <v>-28874900</v>
          </cell>
          <cell r="Q19">
            <v>1.27379E-2</v>
          </cell>
          <cell r="R19">
            <v>-109427000</v>
          </cell>
          <cell r="S19">
            <v>1.2746199999999999E-2</v>
          </cell>
          <cell r="T19">
            <v>-204692000</v>
          </cell>
          <cell r="U19">
            <v>1.27563E-2</v>
          </cell>
          <cell r="V19">
            <v>-250340000</v>
          </cell>
          <cell r="AA19">
            <v>1.2709700000000001E-2</v>
          </cell>
          <cell r="AB19">
            <v>387829000</v>
          </cell>
        </row>
        <row r="20">
          <cell r="O20">
            <v>1.37334E-2</v>
          </cell>
          <cell r="P20">
            <v>37536800</v>
          </cell>
          <cell r="Q20">
            <v>1.37368E-2</v>
          </cell>
          <cell r="R20">
            <v>-29163000</v>
          </cell>
          <cell r="S20">
            <v>1.37451E-2</v>
          </cell>
          <cell r="T20">
            <v>-170688000</v>
          </cell>
          <cell r="U20">
            <v>1.3753700000000001E-2</v>
          </cell>
          <cell r="V20">
            <v>-204948000</v>
          </cell>
          <cell r="AA20">
            <v>1.371E-2</v>
          </cell>
          <cell r="AB20">
            <v>384613000</v>
          </cell>
        </row>
        <row r="21">
          <cell r="O21">
            <v>1.4732800000000001E-2</v>
          </cell>
          <cell r="P21">
            <v>84949600</v>
          </cell>
          <cell r="Q21">
            <v>1.47362E-2</v>
          </cell>
          <cell r="R21">
            <v>27594100</v>
          </cell>
          <cell r="S21">
            <v>1.47431E-2</v>
          </cell>
          <cell r="T21">
            <v>-82882500</v>
          </cell>
          <cell r="U21">
            <v>1.47522E-2</v>
          </cell>
          <cell r="V21">
            <v>-163218000</v>
          </cell>
          <cell r="AA21">
            <v>1.4710300000000001E-2</v>
          </cell>
          <cell r="AB21">
            <v>358851000</v>
          </cell>
        </row>
        <row r="22">
          <cell r="O22">
            <v>1.57325E-2</v>
          </cell>
          <cell r="P22">
            <v>110557000</v>
          </cell>
          <cell r="Q22">
            <v>1.5735900000000001E-2</v>
          </cell>
          <cell r="R22">
            <v>52133500</v>
          </cell>
          <cell r="S22">
            <v>1.5742900000000001E-2</v>
          </cell>
          <cell r="T22">
            <v>-1260270</v>
          </cell>
          <cell r="U22">
            <v>1.5750400000000001E-2</v>
          </cell>
          <cell r="V22">
            <v>-98673800</v>
          </cell>
          <cell r="AA22">
            <v>1.5710600000000002E-2</v>
          </cell>
          <cell r="AB22">
            <v>314304000</v>
          </cell>
        </row>
        <row r="23">
          <cell r="O23">
            <v>1.6731699999999999E-2</v>
          </cell>
          <cell r="P23">
            <v>136717000</v>
          </cell>
          <cell r="Q23">
            <v>1.6735300000000002E-2</v>
          </cell>
          <cell r="R23">
            <v>78304700</v>
          </cell>
          <cell r="S23">
            <v>1.6742300000000002E-2</v>
          </cell>
          <cell r="T23">
            <v>22998100</v>
          </cell>
          <cell r="U23">
            <v>1.6749900000000002E-2</v>
          </cell>
          <cell r="V23">
            <v>-28620000</v>
          </cell>
          <cell r="AA23">
            <v>1.6710800000000001E-2</v>
          </cell>
          <cell r="AB23">
            <v>269187000</v>
          </cell>
        </row>
        <row r="24">
          <cell r="O24">
            <v>1.7731500000000001E-2</v>
          </cell>
          <cell r="P24">
            <v>158890000</v>
          </cell>
          <cell r="Q24">
            <v>1.7735000000000001E-2</v>
          </cell>
          <cell r="R24">
            <v>101662000</v>
          </cell>
          <cell r="S24">
            <v>1.77422E-2</v>
          </cell>
          <cell r="T24">
            <v>43254500</v>
          </cell>
          <cell r="U24">
            <v>1.77498E-2</v>
          </cell>
          <cell r="V24">
            <v>2608930</v>
          </cell>
          <cell r="AA24">
            <v>1.77111E-2</v>
          </cell>
          <cell r="AB24">
            <v>233152000</v>
          </cell>
        </row>
        <row r="25">
          <cell r="O25">
            <v>1.8730900000000002E-2</v>
          </cell>
          <cell r="P25">
            <v>179796000</v>
          </cell>
          <cell r="Q25">
            <v>1.8734399999999998E-2</v>
          </cell>
          <cell r="R25">
            <v>123746000</v>
          </cell>
          <cell r="S25">
            <v>1.8741799999999999E-2</v>
          </cell>
          <cell r="T25">
            <v>65243900</v>
          </cell>
          <cell r="U25">
            <v>1.8749499999999999E-2</v>
          </cell>
          <cell r="V25">
            <v>25217100</v>
          </cell>
          <cell r="AA25">
            <v>1.87113E-2</v>
          </cell>
          <cell r="AB25">
            <v>204157000</v>
          </cell>
        </row>
        <row r="26">
          <cell r="O26">
            <v>1.97307E-2</v>
          </cell>
          <cell r="P26">
            <v>197863000</v>
          </cell>
          <cell r="Q26">
            <v>1.9734100000000001E-2</v>
          </cell>
          <cell r="R26">
            <v>143795000</v>
          </cell>
          <cell r="S26">
            <v>1.9741499999999999E-2</v>
          </cell>
          <cell r="T26">
            <v>87667600</v>
          </cell>
          <cell r="U26">
            <v>1.97495E-2</v>
          </cell>
          <cell r="V26">
            <v>45928600</v>
          </cell>
          <cell r="AA26">
            <v>1.9711599999999999E-2</v>
          </cell>
          <cell r="AB26">
            <v>171458000</v>
          </cell>
        </row>
        <row r="27">
          <cell r="O27">
            <v>2.0730200000000001E-2</v>
          </cell>
          <cell r="P27">
            <v>213688000</v>
          </cell>
          <cell r="Q27">
            <v>2.0733700000000001E-2</v>
          </cell>
          <cell r="R27">
            <v>162465000</v>
          </cell>
          <cell r="S27">
            <v>2.0741200000000001E-2</v>
          </cell>
          <cell r="T27">
            <v>108041000</v>
          </cell>
          <cell r="U27">
            <v>2.0749E-2</v>
          </cell>
          <cell r="V27">
            <v>67885700</v>
          </cell>
          <cell r="AA27">
            <v>2.0711799999999999E-2</v>
          </cell>
          <cell r="AB27">
            <v>136991000</v>
          </cell>
        </row>
        <row r="28">
          <cell r="O28">
            <v>2.1730099999999999E-2</v>
          </cell>
          <cell r="P28">
            <v>222196000</v>
          </cell>
          <cell r="Q28">
            <v>2.17334E-2</v>
          </cell>
          <cell r="R28">
            <v>180209000</v>
          </cell>
          <cell r="S28">
            <v>2.1740800000000001E-2</v>
          </cell>
          <cell r="T28">
            <v>128449000</v>
          </cell>
          <cell r="U28">
            <v>2.1748900000000002E-2</v>
          </cell>
          <cell r="V28">
            <v>89409900</v>
          </cell>
          <cell r="AA28">
            <v>2.1711999999999999E-2</v>
          </cell>
          <cell r="AB28">
            <v>105235000</v>
          </cell>
        </row>
        <row r="29">
          <cell r="O29">
            <v>2.2729599999999999E-2</v>
          </cell>
          <cell r="P29">
            <v>209669000</v>
          </cell>
          <cell r="Q29">
            <v>2.27329E-2</v>
          </cell>
          <cell r="R29">
            <v>192917000</v>
          </cell>
          <cell r="S29">
            <v>2.27405E-2</v>
          </cell>
          <cell r="T29">
            <v>149591000</v>
          </cell>
          <cell r="U29">
            <v>2.2748299999999999E-2</v>
          </cell>
          <cell r="V29">
            <v>110984000</v>
          </cell>
          <cell r="AA29">
            <v>2.2712199999999998E-2</v>
          </cell>
          <cell r="AB29">
            <v>75929900</v>
          </cell>
        </row>
        <row r="30">
          <cell r="O30">
            <v>2.3729400000000001E-2</v>
          </cell>
          <cell r="P30">
            <v>182932000</v>
          </cell>
          <cell r="Q30">
            <v>2.37326E-2</v>
          </cell>
          <cell r="R30">
            <v>184044000</v>
          </cell>
          <cell r="S30">
            <v>2.3740000000000001E-2</v>
          </cell>
          <cell r="T30">
            <v>157414000</v>
          </cell>
          <cell r="U30">
            <v>2.3748200000000001E-2</v>
          </cell>
          <cell r="V30">
            <v>124767000</v>
          </cell>
          <cell r="AA30">
            <v>2.3712299999999999E-2</v>
          </cell>
          <cell r="AB30">
            <v>48493800</v>
          </cell>
        </row>
        <row r="31">
          <cell r="O31">
            <v>2.4729000000000001E-2</v>
          </cell>
          <cell r="P31">
            <v>157868000</v>
          </cell>
          <cell r="Q31">
            <v>2.4732199999999999E-2</v>
          </cell>
          <cell r="R31">
            <v>159732000</v>
          </cell>
          <cell r="S31">
            <v>2.47397E-2</v>
          </cell>
          <cell r="T31">
            <v>143029000</v>
          </cell>
          <cell r="U31">
            <v>2.4747700000000001E-2</v>
          </cell>
          <cell r="V31">
            <v>117196000</v>
          </cell>
          <cell r="AA31">
            <v>2.4712399999999999E-2</v>
          </cell>
          <cell r="AB31">
            <v>23112600</v>
          </cell>
        </row>
        <row r="32">
          <cell r="O32">
            <v>2.57287E-2</v>
          </cell>
          <cell r="P32">
            <v>134408000</v>
          </cell>
          <cell r="Q32">
            <v>2.5731899999999999E-2</v>
          </cell>
          <cell r="R32">
            <v>136766000</v>
          </cell>
          <cell r="S32">
            <v>2.57393E-2</v>
          </cell>
          <cell r="T32">
            <v>120855000</v>
          </cell>
          <cell r="U32">
            <v>2.57475E-2</v>
          </cell>
          <cell r="V32">
            <v>95596200</v>
          </cell>
          <cell r="AA32">
            <v>2.5712499999999999E-2</v>
          </cell>
          <cell r="AB32">
            <v>-308701</v>
          </cell>
        </row>
        <row r="33">
          <cell r="O33">
            <v>2.6728200000000001E-2</v>
          </cell>
          <cell r="P33">
            <v>121946000</v>
          </cell>
          <cell r="Q33">
            <v>2.6731399999999999E-2</v>
          </cell>
          <cell r="R33">
            <v>124561000</v>
          </cell>
          <cell r="S33">
            <v>2.6738999999999999E-2</v>
          </cell>
          <cell r="T33">
            <v>109135000</v>
          </cell>
          <cell r="U33">
            <v>2.6747E-2</v>
          </cell>
          <cell r="V33">
            <v>84487300</v>
          </cell>
          <cell r="AA33">
            <v>2.67126E-2</v>
          </cell>
          <cell r="AB33">
            <v>-12595100</v>
          </cell>
        </row>
        <row r="34">
          <cell r="O34">
            <v>2.77279E-2</v>
          </cell>
          <cell r="P34">
            <v>119919000</v>
          </cell>
          <cell r="Q34">
            <v>2.7731100000000002E-2</v>
          </cell>
          <cell r="R34">
            <v>122695000</v>
          </cell>
          <cell r="S34">
            <v>2.7738499999999999E-2</v>
          </cell>
          <cell r="T34">
            <v>107663000</v>
          </cell>
          <cell r="U34">
            <v>2.7746699999999999E-2</v>
          </cell>
          <cell r="V34">
            <v>83420200</v>
          </cell>
          <cell r="AA34">
            <v>2.77127E-2</v>
          </cell>
          <cell r="AB34">
            <v>-14327700</v>
          </cell>
        </row>
        <row r="35">
          <cell r="O35">
            <v>2.87275E-2</v>
          </cell>
          <cell r="P35">
            <v>118334000</v>
          </cell>
          <cell r="Q35">
            <v>2.8730700000000001E-2</v>
          </cell>
          <cell r="R35">
            <v>121225000</v>
          </cell>
          <cell r="S35">
            <v>2.8738199999999998E-2</v>
          </cell>
          <cell r="T35">
            <v>106481000</v>
          </cell>
          <cell r="U35">
            <v>2.8746299999999999E-2</v>
          </cell>
          <cell r="V35">
            <v>82685800</v>
          </cell>
          <cell r="AA35">
            <v>2.87128E-2</v>
          </cell>
          <cell r="AB35">
            <v>-15556700</v>
          </cell>
        </row>
        <row r="36">
          <cell r="O36">
            <v>2.9727199999999999E-2</v>
          </cell>
          <cell r="P36">
            <v>116893000</v>
          </cell>
          <cell r="Q36">
            <v>2.9730300000000001E-2</v>
          </cell>
          <cell r="R36">
            <v>119885000</v>
          </cell>
          <cell r="S36">
            <v>2.9737800000000002E-2</v>
          </cell>
          <cell r="T36">
            <v>105436000</v>
          </cell>
          <cell r="U36">
            <v>2.9746000000000002E-2</v>
          </cell>
          <cell r="V36">
            <v>82033500</v>
          </cell>
          <cell r="AA36">
            <v>2.97129E-2</v>
          </cell>
          <cell r="AB36">
            <v>-16569400</v>
          </cell>
        </row>
        <row r="37">
          <cell r="O37">
            <v>3.0726900000000001E-2</v>
          </cell>
          <cell r="P37">
            <v>115486000</v>
          </cell>
          <cell r="Q37">
            <v>3.0729900000000001E-2</v>
          </cell>
          <cell r="R37">
            <v>118570000</v>
          </cell>
          <cell r="S37">
            <v>3.0737400000000002E-2</v>
          </cell>
          <cell r="T37">
            <v>104388000</v>
          </cell>
          <cell r="U37">
            <v>3.0745600000000001E-2</v>
          </cell>
          <cell r="V37">
            <v>81422800</v>
          </cell>
          <cell r="AA37">
            <v>3.0713000000000001E-2</v>
          </cell>
          <cell r="AB37">
            <v>-17486500</v>
          </cell>
        </row>
        <row r="38">
          <cell r="O38">
            <v>3.1726499999999998E-2</v>
          </cell>
          <cell r="P38">
            <v>114045000</v>
          </cell>
          <cell r="Q38">
            <v>3.1729599999999997E-2</v>
          </cell>
          <cell r="R38">
            <v>117215000</v>
          </cell>
          <cell r="S38">
            <v>3.1737000000000001E-2</v>
          </cell>
          <cell r="T38">
            <v>103313000</v>
          </cell>
          <cell r="U38">
            <v>3.1745299999999997E-2</v>
          </cell>
          <cell r="V38">
            <v>80772900</v>
          </cell>
          <cell r="AA38">
            <v>3.1713100000000001E-2</v>
          </cell>
          <cell r="AB38">
            <v>-18371900</v>
          </cell>
        </row>
        <row r="39">
          <cell r="O39">
            <v>3.2726199999999997E-2</v>
          </cell>
          <cell r="P39">
            <v>112547000</v>
          </cell>
          <cell r="Q39">
            <v>3.27292E-2</v>
          </cell>
          <cell r="R39">
            <v>115797000</v>
          </cell>
          <cell r="S39">
            <v>3.2736700000000001E-2</v>
          </cell>
          <cell r="T39">
            <v>102165000</v>
          </cell>
          <cell r="U39">
            <v>3.27449E-2</v>
          </cell>
          <cell r="V39">
            <v>80071400</v>
          </cell>
          <cell r="AA39">
            <v>3.2713199999999998E-2</v>
          </cell>
          <cell r="AB39">
            <v>-19248800</v>
          </cell>
        </row>
        <row r="40">
          <cell r="O40">
            <v>3.3725900000000003E-2</v>
          </cell>
          <cell r="P40">
            <v>110987000</v>
          </cell>
          <cell r="Q40">
            <v>3.3728800000000003E-2</v>
          </cell>
          <cell r="R40">
            <v>114308000</v>
          </cell>
          <cell r="S40">
            <v>3.3736299999999997E-2</v>
          </cell>
          <cell r="T40">
            <v>100950000</v>
          </cell>
          <cell r="U40">
            <v>3.37446E-2</v>
          </cell>
          <cell r="V40">
            <v>79303600</v>
          </cell>
          <cell r="AA40">
            <v>3.3713300000000002E-2</v>
          </cell>
          <cell r="AB40">
            <v>-20126400</v>
          </cell>
        </row>
        <row r="41">
          <cell r="O41">
            <v>3.4725499999999999E-2</v>
          </cell>
          <cell r="P41">
            <v>109360000</v>
          </cell>
          <cell r="Q41">
            <v>3.4728500000000002E-2</v>
          </cell>
          <cell r="R41">
            <v>112746000</v>
          </cell>
          <cell r="S41">
            <v>3.4736000000000003E-2</v>
          </cell>
          <cell r="T41">
            <v>99657900</v>
          </cell>
          <cell r="U41">
            <v>3.4744299999999999E-2</v>
          </cell>
          <cell r="V41">
            <v>78464500</v>
          </cell>
          <cell r="AA41">
            <v>3.4713399999999998E-2</v>
          </cell>
          <cell r="AB41">
            <v>-21005300</v>
          </cell>
        </row>
        <row r="42">
          <cell r="O42">
            <v>3.5725199999999999E-2</v>
          </cell>
          <cell r="P42">
            <v>107676000</v>
          </cell>
          <cell r="Q42">
            <v>3.5728099999999999E-2</v>
          </cell>
          <cell r="R42">
            <v>111117000</v>
          </cell>
          <cell r="S42">
            <v>3.5735599999999999E-2</v>
          </cell>
          <cell r="T42">
            <v>98296400</v>
          </cell>
          <cell r="U42">
            <v>3.5743900000000002E-2</v>
          </cell>
          <cell r="V42">
            <v>77560900</v>
          </cell>
          <cell r="AA42">
            <v>3.5713500000000002E-2</v>
          </cell>
          <cell r="AB42">
            <v>-21885600</v>
          </cell>
        </row>
        <row r="43">
          <cell r="O43">
            <v>3.6724899999999998E-2</v>
          </cell>
          <cell r="P43">
            <v>105931000</v>
          </cell>
          <cell r="Q43">
            <v>3.6727799999999998E-2</v>
          </cell>
          <cell r="R43">
            <v>109422000</v>
          </cell>
          <cell r="S43">
            <v>3.6735299999999999E-2</v>
          </cell>
          <cell r="T43">
            <v>96867300</v>
          </cell>
          <cell r="U43">
            <v>3.6743600000000001E-2</v>
          </cell>
          <cell r="V43">
            <v>76586900</v>
          </cell>
          <cell r="AA43">
            <v>3.6713599999999999E-2</v>
          </cell>
          <cell r="AB43">
            <v>-22765800</v>
          </cell>
        </row>
        <row r="44">
          <cell r="O44">
            <v>3.7724599999999997E-2</v>
          </cell>
          <cell r="P44">
            <v>104135000</v>
          </cell>
          <cell r="Q44">
            <v>3.7727400000000001E-2</v>
          </cell>
          <cell r="R44">
            <v>107666000</v>
          </cell>
          <cell r="S44">
            <v>3.7734999999999998E-2</v>
          </cell>
          <cell r="T44">
            <v>95373700</v>
          </cell>
          <cell r="U44">
            <v>3.77433E-2</v>
          </cell>
          <cell r="V44">
            <v>75554000</v>
          </cell>
          <cell r="AA44">
            <v>3.7713799999999999E-2</v>
          </cell>
          <cell r="AB44">
            <v>-23645900</v>
          </cell>
        </row>
        <row r="45">
          <cell r="O45">
            <v>3.8724300000000003E-2</v>
          </cell>
          <cell r="P45">
            <v>102286000</v>
          </cell>
          <cell r="Q45">
            <v>3.87271E-2</v>
          </cell>
          <cell r="R45">
            <v>105851000</v>
          </cell>
          <cell r="S45">
            <v>3.8734600000000001E-2</v>
          </cell>
          <cell r="T45">
            <v>93820900</v>
          </cell>
          <cell r="U45">
            <v>3.8743E-2</v>
          </cell>
          <cell r="V45">
            <v>74455800</v>
          </cell>
          <cell r="AA45">
            <v>3.8713900000000002E-2</v>
          </cell>
          <cell r="AB45">
            <v>-24525300</v>
          </cell>
        </row>
        <row r="46">
          <cell r="O46">
            <v>3.9724000000000002E-2</v>
          </cell>
          <cell r="P46">
            <v>100391000</v>
          </cell>
          <cell r="Q46">
            <v>3.97268E-2</v>
          </cell>
          <cell r="R46">
            <v>103983000</v>
          </cell>
          <cell r="S46">
            <v>3.97343E-2</v>
          </cell>
          <cell r="T46">
            <v>92209900</v>
          </cell>
          <cell r="U46">
            <v>3.9742600000000003E-2</v>
          </cell>
          <cell r="V46">
            <v>73303400</v>
          </cell>
          <cell r="AA46">
            <v>3.9713999999999999E-2</v>
          </cell>
          <cell r="AB46">
            <v>-25404200</v>
          </cell>
        </row>
        <row r="47">
          <cell r="O47">
            <v>4.0723700000000002E-2</v>
          </cell>
          <cell r="P47">
            <v>98449600</v>
          </cell>
          <cell r="Q47">
            <v>4.0726499999999999E-2</v>
          </cell>
          <cell r="R47">
            <v>102063000</v>
          </cell>
          <cell r="S47">
            <v>4.0733999999999999E-2</v>
          </cell>
          <cell r="T47">
            <v>90546900</v>
          </cell>
          <cell r="U47">
            <v>4.0742300000000002E-2</v>
          </cell>
          <cell r="V47">
            <v>72091700</v>
          </cell>
          <cell r="AA47">
            <v>4.0714100000000003E-2</v>
          </cell>
          <cell r="AB47">
            <v>-26282400</v>
          </cell>
        </row>
        <row r="48">
          <cell r="O48">
            <v>4.1723400000000001E-2</v>
          </cell>
          <cell r="P48">
            <v>96467900</v>
          </cell>
          <cell r="Q48">
            <v>4.1726199999999998E-2</v>
          </cell>
          <cell r="R48">
            <v>100096000</v>
          </cell>
          <cell r="S48">
            <v>4.1733699999999999E-2</v>
          </cell>
          <cell r="T48">
            <v>88832500</v>
          </cell>
          <cell r="U48">
            <v>4.1742000000000001E-2</v>
          </cell>
          <cell r="V48">
            <v>70830100</v>
          </cell>
          <cell r="AA48">
            <v>4.17142E-2</v>
          </cell>
          <cell r="AB48">
            <v>-27160200</v>
          </cell>
        </row>
        <row r="49">
          <cell r="O49">
            <v>4.27231E-2</v>
          </cell>
          <cell r="P49">
            <v>94446900</v>
          </cell>
          <cell r="Q49">
            <v>4.2725899999999997E-2</v>
          </cell>
          <cell r="R49">
            <v>98085700</v>
          </cell>
          <cell r="S49">
            <v>4.2733399999999998E-2</v>
          </cell>
          <cell r="T49">
            <v>87073200</v>
          </cell>
          <cell r="U49">
            <v>4.2741800000000003E-2</v>
          </cell>
          <cell r="V49">
            <v>69516000</v>
          </cell>
          <cell r="AA49">
            <v>4.2714299999999997E-2</v>
          </cell>
          <cell r="AB49">
            <v>-28037300</v>
          </cell>
        </row>
        <row r="50">
          <cell r="O50">
            <v>4.3722900000000002E-2</v>
          </cell>
          <cell r="P50">
            <v>92390200</v>
          </cell>
          <cell r="Q50">
            <v>4.3725600000000003E-2</v>
          </cell>
          <cell r="R50">
            <v>96033500</v>
          </cell>
          <cell r="S50">
            <v>4.3733099999999997E-2</v>
          </cell>
          <cell r="T50">
            <v>85268600</v>
          </cell>
          <cell r="U50">
            <v>4.3741500000000003E-2</v>
          </cell>
          <cell r="V50">
            <v>68156000</v>
          </cell>
          <cell r="AA50">
            <v>4.37144E-2</v>
          </cell>
          <cell r="AB50">
            <v>-28914800</v>
          </cell>
        </row>
        <row r="51">
          <cell r="O51">
            <v>4.4722600000000001E-2</v>
          </cell>
          <cell r="P51">
            <v>90304000</v>
          </cell>
          <cell r="Q51">
            <v>4.4725300000000003E-2</v>
          </cell>
          <cell r="R51">
            <v>93947600</v>
          </cell>
          <cell r="S51">
            <v>4.4732800000000003E-2</v>
          </cell>
          <cell r="T51">
            <v>83428300</v>
          </cell>
          <cell r="U51">
            <v>4.4741200000000002E-2</v>
          </cell>
          <cell r="V51">
            <v>66752100</v>
          </cell>
          <cell r="AA51">
            <v>4.4714499999999997E-2</v>
          </cell>
          <cell r="AB51">
            <v>-29789700</v>
          </cell>
        </row>
        <row r="52">
          <cell r="O52">
            <v>4.5722400000000003E-2</v>
          </cell>
          <cell r="P52">
            <v>88178400</v>
          </cell>
          <cell r="Q52">
            <v>4.5725000000000002E-2</v>
          </cell>
          <cell r="R52">
            <v>91817800</v>
          </cell>
          <cell r="S52">
            <v>4.5732500000000002E-2</v>
          </cell>
          <cell r="T52">
            <v>81541700</v>
          </cell>
          <cell r="U52">
            <v>4.5740900000000001E-2</v>
          </cell>
          <cell r="V52">
            <v>65301200</v>
          </cell>
          <cell r="AA52">
            <v>4.5714600000000001E-2</v>
          </cell>
          <cell r="AB52">
            <v>-30670600</v>
          </cell>
        </row>
        <row r="53">
          <cell r="O53">
            <v>4.6722100000000003E-2</v>
          </cell>
          <cell r="P53">
            <v>86057500</v>
          </cell>
          <cell r="Q53">
            <v>4.6724799999999997E-2</v>
          </cell>
          <cell r="R53">
            <v>89688500</v>
          </cell>
          <cell r="S53">
            <v>4.6732299999999997E-2</v>
          </cell>
          <cell r="T53">
            <v>79649500</v>
          </cell>
          <cell r="U53">
            <v>4.67406E-2</v>
          </cell>
          <cell r="V53">
            <v>63830500</v>
          </cell>
          <cell r="AA53">
            <v>4.6714699999999998E-2</v>
          </cell>
          <cell r="AB53">
            <v>-31533400</v>
          </cell>
        </row>
        <row r="54">
          <cell r="O54">
            <v>4.7721899999999998E-2</v>
          </cell>
          <cell r="P54">
            <v>83828500</v>
          </cell>
          <cell r="Q54">
            <v>4.7724500000000003E-2</v>
          </cell>
          <cell r="R54">
            <v>87448100</v>
          </cell>
          <cell r="S54">
            <v>4.7731999999999997E-2</v>
          </cell>
          <cell r="T54">
            <v>77653400</v>
          </cell>
          <cell r="U54">
            <v>4.7740400000000002E-2</v>
          </cell>
          <cell r="V54">
            <v>62269100</v>
          </cell>
          <cell r="AA54">
            <v>4.7714899999999998E-2</v>
          </cell>
          <cell r="AB54">
            <v>-32439900</v>
          </cell>
        </row>
        <row r="55">
          <cell r="O55">
            <v>4.8721599999999997E-2</v>
          </cell>
          <cell r="P55">
            <v>81781300</v>
          </cell>
          <cell r="Q55">
            <v>4.8724200000000002E-2</v>
          </cell>
          <cell r="R55">
            <v>85387800</v>
          </cell>
          <cell r="S55">
            <v>4.8731799999999999E-2</v>
          </cell>
          <cell r="T55">
            <v>75813700</v>
          </cell>
          <cell r="U55">
            <v>4.8740100000000001E-2</v>
          </cell>
          <cell r="V55">
            <v>60819500</v>
          </cell>
          <cell r="AA55">
            <v>4.8715000000000001E-2</v>
          </cell>
          <cell r="AB55">
            <v>-33263800</v>
          </cell>
        </row>
        <row r="56">
          <cell r="O56">
            <v>4.9721399999999999E-2</v>
          </cell>
          <cell r="P56">
            <v>79112000</v>
          </cell>
          <cell r="Q56">
            <v>4.9723999999999997E-2</v>
          </cell>
          <cell r="R56">
            <v>82688500</v>
          </cell>
          <cell r="S56">
            <v>4.9731499999999998E-2</v>
          </cell>
          <cell r="T56">
            <v>73383900</v>
          </cell>
          <cell r="U56">
            <v>4.9739899999999997E-2</v>
          </cell>
          <cell r="V56">
            <v>58870600</v>
          </cell>
          <cell r="AA56">
            <v>4.9715099999999998E-2</v>
          </cell>
          <cell r="AB56">
            <v>-34279700</v>
          </cell>
        </row>
        <row r="57">
          <cell r="O57">
            <v>5.1721000000000003E-2</v>
          </cell>
          <cell r="P57">
            <v>75479100</v>
          </cell>
          <cell r="Q57">
            <v>5.1723499999999999E-2</v>
          </cell>
          <cell r="R57">
            <v>79023400</v>
          </cell>
          <cell r="S57">
            <v>5.1730999999999999E-2</v>
          </cell>
          <cell r="T57">
            <v>70092800</v>
          </cell>
          <cell r="U57">
            <v>5.1739399999999998E-2</v>
          </cell>
          <cell r="V57">
            <v>56235200</v>
          </cell>
          <cell r="AA57">
            <v>5.1715299999999999E-2</v>
          </cell>
          <cell r="AB57">
            <v>-35729300</v>
          </cell>
        </row>
        <row r="58">
          <cell r="O58">
            <v>5.37206E-2</v>
          </cell>
          <cell r="P58">
            <v>70517500</v>
          </cell>
          <cell r="Q58">
            <v>5.3723100000000003E-2</v>
          </cell>
          <cell r="R58">
            <v>74005300</v>
          </cell>
          <cell r="S58">
            <v>5.3730600000000003E-2</v>
          </cell>
          <cell r="T58">
            <v>65563600</v>
          </cell>
          <cell r="U58">
            <v>5.3738899999999999E-2</v>
          </cell>
          <cell r="V58">
            <v>52556300</v>
          </cell>
          <cell r="AA58">
            <v>5.3715600000000002E-2</v>
          </cell>
          <cell r="AB58">
            <v>-37670200</v>
          </cell>
        </row>
        <row r="59">
          <cell r="O59">
            <v>5.5720199999999998E-2</v>
          </cell>
          <cell r="P59">
            <v>66002100</v>
          </cell>
          <cell r="Q59">
            <v>5.57227E-2</v>
          </cell>
          <cell r="R59">
            <v>69430700</v>
          </cell>
          <cell r="S59">
            <v>5.5730200000000001E-2</v>
          </cell>
          <cell r="T59">
            <v>61417100</v>
          </cell>
          <cell r="U59">
            <v>5.5738500000000003E-2</v>
          </cell>
          <cell r="V59">
            <v>49148100</v>
          </cell>
          <cell r="AA59">
            <v>5.5715800000000003E-2</v>
          </cell>
          <cell r="AB59">
            <v>-39419000</v>
          </cell>
        </row>
        <row r="60">
          <cell r="O60">
            <v>5.7719899999999998E-2</v>
          </cell>
          <cell r="P60">
            <v>61478400</v>
          </cell>
          <cell r="Q60">
            <v>5.7722299999999997E-2</v>
          </cell>
          <cell r="R60">
            <v>64842600</v>
          </cell>
          <cell r="S60">
            <v>5.7729799999999998E-2</v>
          </cell>
          <cell r="T60">
            <v>57244900</v>
          </cell>
          <cell r="U60">
            <v>5.7738100000000001E-2</v>
          </cell>
          <cell r="V60">
            <v>45684400</v>
          </cell>
          <cell r="AA60">
            <v>5.7716099999999999E-2</v>
          </cell>
          <cell r="AB60">
            <v>-41167900</v>
          </cell>
        </row>
        <row r="61">
          <cell r="O61">
            <v>5.9719599999999998E-2</v>
          </cell>
          <cell r="P61">
            <v>56960200</v>
          </cell>
          <cell r="Q61">
            <v>5.9721999999999997E-2</v>
          </cell>
          <cell r="R61">
            <v>60256600</v>
          </cell>
          <cell r="S61">
            <v>5.9729400000000002E-2</v>
          </cell>
          <cell r="T61">
            <v>53062300</v>
          </cell>
          <cell r="U61">
            <v>5.9737800000000001E-2</v>
          </cell>
          <cell r="V61">
            <v>42180800</v>
          </cell>
          <cell r="AA61">
            <v>5.97163E-2</v>
          </cell>
          <cell r="AB61">
            <v>-42917400</v>
          </cell>
        </row>
        <row r="62">
          <cell r="O62">
            <v>6.1719299999999998E-2</v>
          </cell>
          <cell r="P62">
            <v>52459600</v>
          </cell>
          <cell r="Q62">
            <v>6.1721600000000001E-2</v>
          </cell>
          <cell r="R62">
            <v>55686000</v>
          </cell>
          <cell r="S62">
            <v>6.1729100000000002E-2</v>
          </cell>
          <cell r="T62">
            <v>48883100</v>
          </cell>
          <cell r="U62">
            <v>6.1737399999999998E-2</v>
          </cell>
          <cell r="V62">
            <v>38651400</v>
          </cell>
          <cell r="AA62">
            <v>6.1716600000000003E-2</v>
          </cell>
          <cell r="AB62">
            <v>-44668100</v>
          </cell>
        </row>
        <row r="63">
          <cell r="O63">
            <v>6.3719100000000001E-2</v>
          </cell>
          <cell r="P63">
            <v>47985300</v>
          </cell>
          <cell r="Q63">
            <v>6.3721399999999997E-2</v>
          </cell>
          <cell r="R63">
            <v>51140800</v>
          </cell>
          <cell r="S63">
            <v>6.3728800000000002E-2</v>
          </cell>
          <cell r="T63">
            <v>44717600</v>
          </cell>
          <cell r="U63">
            <v>6.3737100000000005E-2</v>
          </cell>
          <cell r="V63">
            <v>35107800</v>
          </cell>
          <cell r="AA63">
            <v>6.3716800000000004E-2</v>
          </cell>
          <cell r="AB63">
            <v>-46421700</v>
          </cell>
        </row>
        <row r="64">
          <cell r="O64">
            <v>6.5718899999999997E-2</v>
          </cell>
          <cell r="P64">
            <v>43543200</v>
          </cell>
          <cell r="Q64">
            <v>6.5721100000000005E-2</v>
          </cell>
          <cell r="R64">
            <v>46628200</v>
          </cell>
          <cell r="S64">
            <v>6.5728499999999995E-2</v>
          </cell>
          <cell r="T64">
            <v>40574100</v>
          </cell>
          <cell r="U64">
            <v>6.5736799999999998E-2</v>
          </cell>
          <cell r="V64">
            <v>31560000</v>
          </cell>
          <cell r="AA64">
            <v>6.5717100000000001E-2</v>
          </cell>
          <cell r="AB64">
            <v>-48181900</v>
          </cell>
        </row>
        <row r="65">
          <cell r="O65">
            <v>6.7718700000000007E-2</v>
          </cell>
          <cell r="P65">
            <v>39148400</v>
          </cell>
          <cell r="Q65">
            <v>6.7720900000000001E-2</v>
          </cell>
          <cell r="R65">
            <v>42165100</v>
          </cell>
          <cell r="S65">
            <v>6.7728300000000005E-2</v>
          </cell>
          <cell r="T65">
            <v>36470400</v>
          </cell>
          <cell r="U65">
            <v>6.7736500000000005E-2</v>
          </cell>
          <cell r="V65">
            <v>28026800</v>
          </cell>
          <cell r="AA65">
            <v>6.7717299999999994E-2</v>
          </cell>
          <cell r="AB65">
            <v>-49951100</v>
          </cell>
        </row>
        <row r="66">
          <cell r="O66">
            <v>6.9718500000000003E-2</v>
          </cell>
          <cell r="P66">
            <v>35001300</v>
          </cell>
          <cell r="Q66">
            <v>6.9720699999999997E-2</v>
          </cell>
          <cell r="R66">
            <v>37953800</v>
          </cell>
          <cell r="S66">
            <v>6.9728100000000001E-2</v>
          </cell>
          <cell r="T66">
            <v>32592100</v>
          </cell>
          <cell r="U66">
            <v>6.9736300000000001E-2</v>
          </cell>
          <cell r="V66">
            <v>24670100</v>
          </cell>
          <cell r="AA66">
            <v>6.9717600000000005E-2</v>
          </cell>
          <cell r="AB66">
            <v>-51639100</v>
          </cell>
        </row>
        <row r="67">
          <cell r="O67">
            <v>7.1718400000000002E-2</v>
          </cell>
          <cell r="P67">
            <v>30387300</v>
          </cell>
          <cell r="Q67">
            <v>7.1720500000000006E-2</v>
          </cell>
          <cell r="R67">
            <v>33266900</v>
          </cell>
          <cell r="S67">
            <v>7.1727899999999997E-2</v>
          </cell>
          <cell r="T67">
            <v>28265000</v>
          </cell>
          <cell r="U67">
            <v>7.1736099999999997E-2</v>
          </cell>
          <cell r="V67">
            <v>20898900</v>
          </cell>
          <cell r="AA67">
            <v>7.1717900000000001E-2</v>
          </cell>
          <cell r="AB67">
            <v>-53526300</v>
          </cell>
        </row>
        <row r="68">
          <cell r="O68">
            <v>7.4718199999999999E-2</v>
          </cell>
          <cell r="P68">
            <v>24214600</v>
          </cell>
          <cell r="Q68">
            <v>7.4720300000000003E-2</v>
          </cell>
          <cell r="R68">
            <v>26998900</v>
          </cell>
          <cell r="S68">
            <v>7.4727600000000005E-2</v>
          </cell>
          <cell r="T68">
            <v>22466000</v>
          </cell>
          <cell r="U68">
            <v>7.4735800000000005E-2</v>
          </cell>
          <cell r="V68">
            <v>15810200</v>
          </cell>
          <cell r="AA68">
            <v>7.4718300000000001E-2</v>
          </cell>
          <cell r="AB68">
            <v>-56101900</v>
          </cell>
        </row>
        <row r="69">
          <cell r="O69">
            <v>7.7717999999999995E-2</v>
          </cell>
          <cell r="P69">
            <v>16116800</v>
          </cell>
          <cell r="Q69">
            <v>7.77201E-2</v>
          </cell>
          <cell r="R69">
            <v>18787200</v>
          </cell>
          <cell r="S69">
            <v>7.7727400000000002E-2</v>
          </cell>
          <cell r="T69">
            <v>14855400</v>
          </cell>
          <cell r="U69">
            <v>7.7735600000000002E-2</v>
          </cell>
          <cell r="V69">
            <v>9082240</v>
          </cell>
          <cell r="AA69">
            <v>7.7718700000000002E-2</v>
          </cell>
          <cell r="AB69">
            <v>-59614300</v>
          </cell>
        </row>
        <row r="70">
          <cell r="O70">
            <v>8.41943E-2</v>
          </cell>
          <cell r="P70">
            <v>5091910</v>
          </cell>
          <cell r="Q70">
            <v>8.4196199999999999E-2</v>
          </cell>
          <cell r="R70">
            <v>7627570</v>
          </cell>
          <cell r="S70">
            <v>8.4203500000000001E-2</v>
          </cell>
          <cell r="T70">
            <v>4499360</v>
          </cell>
          <cell r="U70">
            <v>8.4211599999999998E-2</v>
          </cell>
          <cell r="V70">
            <v>-131801</v>
          </cell>
          <cell r="AA70">
            <v>8.4195999999999993E-2</v>
          </cell>
          <cell r="AB70">
            <v>-64630500</v>
          </cell>
        </row>
        <row r="71">
          <cell r="O71">
            <v>9.1007400000000002E-2</v>
          </cell>
          <cell r="P71">
            <v>-7822420</v>
          </cell>
          <cell r="Q71">
            <v>9.1009300000000001E-2</v>
          </cell>
          <cell r="R71">
            <v>-5416120</v>
          </cell>
          <cell r="S71">
            <v>9.1016600000000003E-2</v>
          </cell>
          <cell r="T71">
            <v>-7613570</v>
          </cell>
          <cell r="U71">
            <v>9.1024499999999994E-2</v>
          </cell>
          <cell r="V71">
            <v>-10965700</v>
          </cell>
          <cell r="AA71">
            <v>9.1009999999999994E-2</v>
          </cell>
          <cell r="AB71">
            <v>-70829500</v>
          </cell>
        </row>
        <row r="72">
          <cell r="O72">
            <v>9.8174899999999996E-2</v>
          </cell>
          <cell r="P72">
            <v>-20791500</v>
          </cell>
          <cell r="Q72">
            <v>9.8176799999999995E-2</v>
          </cell>
          <cell r="R72">
            <v>-18475200</v>
          </cell>
          <cell r="S72">
            <v>9.8183999999999994E-2</v>
          </cell>
          <cell r="T72">
            <v>-19738600</v>
          </cell>
          <cell r="U72">
            <v>9.8191799999999996E-2</v>
          </cell>
          <cell r="V72">
            <v>-21855600</v>
          </cell>
          <cell r="AA72">
            <v>9.8178399999999999E-2</v>
          </cell>
          <cell r="AB72">
            <v>-77493900</v>
          </cell>
        </row>
        <row r="73">
          <cell r="O73">
            <v>0.105715</v>
          </cell>
          <cell r="P73">
            <v>-33895000</v>
          </cell>
          <cell r="Q73">
            <v>0.10571700000000001</v>
          </cell>
          <cell r="R73">
            <v>-31623700</v>
          </cell>
          <cell r="S73">
            <v>0.105724</v>
          </cell>
          <cell r="T73">
            <v>-31921800</v>
          </cell>
          <cell r="U73">
            <v>0.10573200000000001</v>
          </cell>
          <cell r="V73">
            <v>-32799000</v>
          </cell>
          <cell r="AA73">
            <v>0.10571999999999999</v>
          </cell>
          <cell r="AB73">
            <v>-84709100</v>
          </cell>
        </row>
        <row r="74">
          <cell r="O74">
            <v>0.113648</v>
          </cell>
          <cell r="P74">
            <v>-47259200</v>
          </cell>
          <cell r="Q74">
            <v>0.11365</v>
          </cell>
          <cell r="R74">
            <v>-44981700</v>
          </cell>
          <cell r="S74">
            <v>0.11365699999999999</v>
          </cell>
          <cell r="T74">
            <v>-44246000</v>
          </cell>
          <cell r="U74">
            <v>0.113664</v>
          </cell>
          <cell r="V74">
            <v>-43818200</v>
          </cell>
          <cell r="AA74">
            <v>0.113653</v>
          </cell>
          <cell r="AB74">
            <v>-92575100</v>
          </cell>
        </row>
        <row r="75">
          <cell r="O75">
            <v>0.121993</v>
          </cell>
          <cell r="P75">
            <v>-61055500</v>
          </cell>
          <cell r="Q75">
            <v>0.12199500000000001</v>
          </cell>
          <cell r="R75">
            <v>-58712800</v>
          </cell>
          <cell r="S75">
            <v>0.122002</v>
          </cell>
          <cell r="T75">
            <v>-56824300</v>
          </cell>
          <cell r="U75">
            <v>0.12200900000000001</v>
          </cell>
          <cell r="V75">
            <v>-54946000</v>
          </cell>
          <cell r="AA75">
            <v>0.121998</v>
          </cell>
          <cell r="AB75">
            <v>-101209000</v>
          </cell>
        </row>
        <row r="76">
          <cell r="O76">
            <v>0.130772</v>
          </cell>
          <cell r="P76">
            <v>-75482200</v>
          </cell>
          <cell r="Q76">
            <v>0.130774</v>
          </cell>
          <cell r="R76">
            <v>-73004200</v>
          </cell>
          <cell r="S76">
            <v>0.13078100000000001</v>
          </cell>
          <cell r="T76">
            <v>-69775300</v>
          </cell>
          <cell r="U76">
            <v>0.13078799999999999</v>
          </cell>
          <cell r="V76">
            <v>-66193400</v>
          </cell>
          <cell r="AA76">
            <v>0.13077800000000001</v>
          </cell>
          <cell r="AB76">
            <v>-110736000</v>
          </cell>
        </row>
        <row r="77">
          <cell r="O77">
            <v>0.14000799999999999</v>
          </cell>
          <cell r="P77">
            <v>-90747000</v>
          </cell>
          <cell r="Q77">
            <v>0.14001</v>
          </cell>
          <cell r="R77">
            <v>-88044800</v>
          </cell>
          <cell r="S77">
            <v>0.140016</v>
          </cell>
          <cell r="T77">
            <v>-83191900</v>
          </cell>
          <cell r="U77">
            <v>0.14002400000000001</v>
          </cell>
          <cell r="V77">
            <v>-77500400</v>
          </cell>
          <cell r="AA77">
            <v>0.140014</v>
          </cell>
          <cell r="AB77">
            <v>-121283000</v>
          </cell>
        </row>
        <row r="78">
          <cell r="O78">
            <v>0.149724</v>
          </cell>
          <cell r="P78">
            <v>-98615100</v>
          </cell>
          <cell r="Q78">
            <v>0.149726</v>
          </cell>
          <cell r="R78">
            <v>-95775600</v>
          </cell>
          <cell r="S78">
            <v>0.149733</v>
          </cell>
          <cell r="T78">
            <v>-90025700</v>
          </cell>
          <cell r="U78">
            <v>0.14974000000000001</v>
          </cell>
          <cell r="V78">
            <v>-83155000</v>
          </cell>
          <cell r="AA78">
            <v>0.149731</v>
          </cell>
          <cell r="AB78">
            <v>-126827000</v>
          </cell>
        </row>
      </sheetData>
      <sheetData sheetId="10"/>
      <sheetData sheetId="11"/>
      <sheetData sheetId="12"/>
      <sheetData sheetId="13">
        <row r="1">
          <cell r="B1" t="str">
            <v>Weld Bead</v>
          </cell>
        </row>
        <row r="2">
          <cell r="B2">
            <v>6.0000000000000001E-3</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ost-weld Rolling"/>
      <sheetName val="In-situ Rolling"/>
      <sheetName val="Pre-weld Rolling"/>
      <sheetName val="Post WR Long all"/>
      <sheetName val="As welded"/>
      <sheetName val="25kN"/>
      <sheetName val="50kN"/>
      <sheetName val="100kN"/>
      <sheetName val="150kN"/>
    </sheetNames>
    <sheetDataSet>
      <sheetData sheetId="0">
        <row r="1">
          <cell r="I1" t="str">
            <v>25kN</v>
          </cell>
        </row>
      </sheetData>
      <sheetData sheetId="1"/>
      <sheetData sheetId="2"/>
      <sheetData sheetId="3" refreshError="1"/>
      <sheetData sheetId="4" refreshError="1"/>
      <sheetData sheetId="5" refreshError="1"/>
      <sheetData sheetId="6" refreshError="1"/>
      <sheetData sheetId="7" refreshError="1"/>
      <sheetData sheetId="8"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e-weld R. Exp."/>
      <sheetName val="After roll."/>
      <sheetName val="After roll. (2)"/>
      <sheetName val="After uncl. PWR"/>
      <sheetName val="Induction heating"/>
      <sheetName val="friction dependency"/>
      <sheetName val="Mean distortion"/>
      <sheetName val="Peak distortion"/>
      <sheetName val="Peak distortion2"/>
      <sheetName val="normal plastic strain"/>
    </sheetNames>
    <sheetDataSet>
      <sheetData sheetId="0"/>
      <sheetData sheetId="1"/>
      <sheetData sheetId="2"/>
      <sheetData sheetId="3">
        <row r="3">
          <cell r="M3" t="str">
            <v>100 kN U.</v>
          </cell>
        </row>
        <row r="137">
          <cell r="G137">
            <v>500000000</v>
          </cell>
        </row>
      </sheetData>
      <sheetData sheetId="4"/>
      <sheetData sheetId="5"/>
      <sheetData sheetId="6"/>
      <sheetData sheetId="7"/>
      <sheetData sheetId="8"/>
      <sheetData sheetId="9"/>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063"/>
  <sheetViews>
    <sheetView tabSelected="1" topLeftCell="A2036" workbookViewId="0">
      <selection activeCell="G2058" sqref="G2058"/>
    </sheetView>
  </sheetViews>
  <sheetFormatPr defaultRowHeight="15" x14ac:dyDescent="0.25"/>
  <cols>
    <col min="1" max="1" width="14.7109375" bestFit="1" customWidth="1"/>
    <col min="2" max="2" width="19" customWidth="1"/>
    <col min="3" max="3" width="15.140625" bestFit="1" customWidth="1"/>
  </cols>
  <sheetData>
    <row r="1" spans="1:2" ht="38.25" x14ac:dyDescent="0.25">
      <c r="A1" s="1" t="s">
        <v>0</v>
      </c>
      <c r="B1" s="1" t="s">
        <v>1</v>
      </c>
    </row>
    <row r="2" spans="1:2" x14ac:dyDescent="0.25">
      <c r="A2" s="2">
        <v>1.2172559146760288E-5</v>
      </c>
      <c r="B2" s="2">
        <v>20</v>
      </c>
    </row>
    <row r="3" spans="1:2" x14ac:dyDescent="0.25">
      <c r="A3" s="2">
        <v>1.2172559146760288E-5</v>
      </c>
      <c r="B3" s="2">
        <v>100</v>
      </c>
    </row>
    <row r="4" spans="1:2" x14ac:dyDescent="0.25">
      <c r="A4" s="2">
        <v>1.2705214943627505E-5</v>
      </c>
      <c r="B4" s="2">
        <v>200</v>
      </c>
    </row>
    <row r="5" spans="1:2" x14ac:dyDescent="0.25">
      <c r="A5" s="2">
        <v>1.3544598748555716E-5</v>
      </c>
      <c r="B5" s="2">
        <v>300</v>
      </c>
    </row>
    <row r="6" spans="1:2" x14ac:dyDescent="0.25">
      <c r="A6" s="2">
        <v>1.4063760053268589E-5</v>
      </c>
      <c r="B6" s="2">
        <v>400</v>
      </c>
    </row>
    <row r="7" spans="1:2" x14ac:dyDescent="0.25">
      <c r="A7" s="2">
        <v>1.3302602991155811E-5</v>
      </c>
      <c r="B7" s="2">
        <v>480</v>
      </c>
    </row>
    <row r="8" spans="1:2" x14ac:dyDescent="0.25">
      <c r="A8" s="2">
        <v>1.1953896598088519E-5</v>
      </c>
      <c r="B8" s="2">
        <v>540</v>
      </c>
    </row>
    <row r="9" spans="1:2" x14ac:dyDescent="0.25">
      <c r="A9" s="2">
        <v>1.1051130721054966E-5</v>
      </c>
      <c r="B9" s="2">
        <v>600</v>
      </c>
    </row>
    <row r="10" spans="1:2" x14ac:dyDescent="0.25">
      <c r="A10" s="2">
        <v>1.0706654840030346E-5</v>
      </c>
      <c r="B10" s="2">
        <v>700</v>
      </c>
    </row>
    <row r="11" spans="1:2" x14ac:dyDescent="0.25">
      <c r="A11" s="2">
        <v>1.1440300738404941E-5</v>
      </c>
      <c r="B11" s="2">
        <v>800</v>
      </c>
    </row>
    <row r="12" spans="1:2" x14ac:dyDescent="0.25">
      <c r="A12" s="2">
        <v>1.1681488417503802E-5</v>
      </c>
      <c r="B12" s="2">
        <v>850</v>
      </c>
    </row>
    <row r="13" spans="1:2" x14ac:dyDescent="0.25">
      <c r="A13" s="2">
        <v>1.2113691608946681E-5</v>
      </c>
      <c r="B13" s="2">
        <v>900</v>
      </c>
    </row>
    <row r="14" spans="1:2" x14ac:dyDescent="0.25">
      <c r="A14" s="2">
        <v>1.2744770707091181E-5</v>
      </c>
      <c r="B14" s="2">
        <v>1000</v>
      </c>
    </row>
    <row r="15" spans="1:2" x14ac:dyDescent="0.25">
      <c r="A15" s="2">
        <v>1.3344813180021722E-5</v>
      </c>
      <c r="B15" s="2">
        <v>1100</v>
      </c>
    </row>
    <row r="16" spans="1:2" x14ac:dyDescent="0.25">
      <c r="A16" s="2">
        <v>1.3921251938021776E-5</v>
      </c>
      <c r="B16" s="2">
        <v>1200</v>
      </c>
    </row>
    <row r="17" spans="1:3" x14ac:dyDescent="0.25">
      <c r="A17" s="2">
        <v>1.447917891295751E-5</v>
      </c>
      <c r="B17" s="2">
        <v>1300</v>
      </c>
    </row>
    <row r="18" spans="1:3" x14ac:dyDescent="0.25">
      <c r="A18" s="2">
        <v>1.5022193608311152E-5</v>
      </c>
      <c r="B18" s="2">
        <v>1400</v>
      </c>
    </row>
    <row r="20" spans="1:3" ht="25.5" x14ac:dyDescent="0.25">
      <c r="A20" s="4" t="s">
        <v>2</v>
      </c>
      <c r="B20" s="4" t="s">
        <v>3</v>
      </c>
      <c r="C20" s="4" t="s">
        <v>4</v>
      </c>
    </row>
    <row r="21" spans="1:3" x14ac:dyDescent="0.25">
      <c r="A21" s="5">
        <v>202000000000</v>
      </c>
      <c r="B21" s="3">
        <v>0.3</v>
      </c>
      <c r="C21" s="3">
        <v>25</v>
      </c>
    </row>
    <row r="22" spans="1:3" x14ac:dyDescent="0.25">
      <c r="A22" s="5">
        <v>200000000000</v>
      </c>
      <c r="B22" s="3">
        <v>0.31</v>
      </c>
      <c r="C22" s="3">
        <v>90</v>
      </c>
    </row>
    <row r="23" spans="1:3" x14ac:dyDescent="0.25">
      <c r="A23" s="5">
        <v>198000000000</v>
      </c>
      <c r="B23" s="3">
        <v>0.32</v>
      </c>
      <c r="C23" s="3">
        <v>150</v>
      </c>
    </row>
    <row r="24" spans="1:3" x14ac:dyDescent="0.25">
      <c r="A24" s="5">
        <v>197000000000</v>
      </c>
      <c r="B24" s="3">
        <v>0.35</v>
      </c>
      <c r="C24" s="3">
        <v>300</v>
      </c>
    </row>
    <row r="25" spans="1:3" x14ac:dyDescent="0.25">
      <c r="A25" s="5">
        <v>136000000000</v>
      </c>
      <c r="B25" s="3">
        <v>0.375</v>
      </c>
      <c r="C25" s="3">
        <v>450</v>
      </c>
    </row>
    <row r="26" spans="1:3" x14ac:dyDescent="0.25">
      <c r="A26" s="5">
        <v>65000000000</v>
      </c>
      <c r="B26" s="3">
        <v>0.4</v>
      </c>
      <c r="C26" s="3">
        <v>600</v>
      </c>
    </row>
    <row r="27" spans="1:3" x14ac:dyDescent="0.25">
      <c r="A27" s="5">
        <v>40000000000</v>
      </c>
      <c r="B27" s="3">
        <v>0.42</v>
      </c>
      <c r="C27" s="3">
        <v>700</v>
      </c>
    </row>
    <row r="28" spans="1:3" x14ac:dyDescent="0.25">
      <c r="A28" s="5">
        <v>35000000000</v>
      </c>
      <c r="B28" s="3">
        <v>0.43</v>
      </c>
      <c r="C28" s="3">
        <v>750</v>
      </c>
    </row>
    <row r="29" spans="1:3" x14ac:dyDescent="0.25">
      <c r="A29" s="5">
        <v>20000000000</v>
      </c>
      <c r="B29" s="3">
        <v>0.46</v>
      </c>
      <c r="C29" s="3">
        <v>900</v>
      </c>
    </row>
    <row r="30" spans="1:3" x14ac:dyDescent="0.25">
      <c r="A30" s="5">
        <v>10000000000</v>
      </c>
      <c r="B30" s="3">
        <v>0.48</v>
      </c>
      <c r="C30" s="3">
        <v>1050</v>
      </c>
    </row>
    <row r="31" spans="1:3" x14ac:dyDescent="0.25">
      <c r="A31" s="5">
        <v>10000000000</v>
      </c>
      <c r="B31" s="3">
        <v>0.48</v>
      </c>
      <c r="C31" s="3">
        <v>1200</v>
      </c>
    </row>
    <row r="32" spans="1:3" x14ac:dyDescent="0.25">
      <c r="A32" s="6">
        <v>10000000000</v>
      </c>
      <c r="B32" s="3">
        <v>0.48</v>
      </c>
      <c r="C32" s="3">
        <v>1350</v>
      </c>
    </row>
    <row r="33" spans="1:3" x14ac:dyDescent="0.25">
      <c r="A33" s="6">
        <v>10000000000</v>
      </c>
      <c r="B33" s="3">
        <v>0.48</v>
      </c>
      <c r="C33" s="3">
        <v>1500</v>
      </c>
    </row>
    <row r="35" spans="1:3" x14ac:dyDescent="0.25">
      <c r="A35" s="8" t="s">
        <v>5</v>
      </c>
      <c r="B35" s="7" t="s">
        <v>6</v>
      </c>
      <c r="C35" s="9" t="s">
        <v>7</v>
      </c>
    </row>
    <row r="36" spans="1:3" x14ac:dyDescent="0.25">
      <c r="A36" s="8">
        <v>390000000</v>
      </c>
      <c r="B36" s="7">
        <v>0</v>
      </c>
      <c r="C36" s="9">
        <v>20</v>
      </c>
    </row>
    <row r="37" spans="1:3" x14ac:dyDescent="0.25">
      <c r="A37" s="8">
        <v>500000000</v>
      </c>
      <c r="B37" s="7">
        <v>0.04</v>
      </c>
      <c r="C37" s="9">
        <v>20</v>
      </c>
    </row>
    <row r="38" spans="1:3" x14ac:dyDescent="0.25">
      <c r="A38" s="8">
        <v>565000000</v>
      </c>
      <c r="B38" s="7">
        <v>0.12</v>
      </c>
      <c r="C38" s="9">
        <v>20</v>
      </c>
    </row>
    <row r="39" spans="1:3" x14ac:dyDescent="0.25">
      <c r="A39" s="8">
        <v>626000000</v>
      </c>
      <c r="B39" s="7">
        <v>0.51</v>
      </c>
      <c r="C39" s="9">
        <v>20</v>
      </c>
    </row>
    <row r="40" spans="1:3" x14ac:dyDescent="0.25">
      <c r="A40" s="8">
        <v>355000000</v>
      </c>
      <c r="B40" s="7">
        <v>0</v>
      </c>
      <c r="C40" s="9">
        <v>200</v>
      </c>
    </row>
    <row r="41" spans="1:3" x14ac:dyDescent="0.25">
      <c r="A41" s="8">
        <v>488000000</v>
      </c>
      <c r="B41" s="7">
        <v>0.03</v>
      </c>
      <c r="C41" s="9">
        <v>200</v>
      </c>
    </row>
    <row r="42" spans="1:3" x14ac:dyDescent="0.25">
      <c r="A42" s="8">
        <v>675000000</v>
      </c>
      <c r="B42" s="7">
        <v>0.28999999999999998</v>
      </c>
      <c r="C42" s="9">
        <v>200</v>
      </c>
    </row>
    <row r="43" spans="1:3" x14ac:dyDescent="0.25">
      <c r="A43" s="8">
        <v>740000000</v>
      </c>
      <c r="B43" s="7">
        <v>0.54</v>
      </c>
      <c r="C43" s="9">
        <v>200</v>
      </c>
    </row>
    <row r="44" spans="1:3" x14ac:dyDescent="0.25">
      <c r="A44" s="8">
        <v>405000000</v>
      </c>
      <c r="B44" s="7">
        <v>0</v>
      </c>
      <c r="C44" s="9">
        <v>400</v>
      </c>
    </row>
    <row r="45" spans="1:3" x14ac:dyDescent="0.25">
      <c r="A45" s="8">
        <v>530000000</v>
      </c>
      <c r="B45" s="7">
        <v>0.02</v>
      </c>
      <c r="C45" s="9">
        <v>400</v>
      </c>
    </row>
    <row r="46" spans="1:3" x14ac:dyDescent="0.25">
      <c r="A46" s="8">
        <v>580000000</v>
      </c>
      <c r="B46" s="7">
        <v>0.06</v>
      </c>
      <c r="C46" s="9">
        <v>400</v>
      </c>
    </row>
    <row r="47" spans="1:3" x14ac:dyDescent="0.25">
      <c r="A47" s="8">
        <v>640000000</v>
      </c>
      <c r="B47" s="7">
        <v>0.55000000000000004</v>
      </c>
      <c r="C47" s="9">
        <v>400</v>
      </c>
    </row>
    <row r="48" spans="1:3" x14ac:dyDescent="0.25">
      <c r="A48" s="8">
        <v>360000000</v>
      </c>
      <c r="B48" s="7">
        <v>0</v>
      </c>
      <c r="C48" s="9">
        <v>500</v>
      </c>
    </row>
    <row r="49" spans="1:3" x14ac:dyDescent="0.25">
      <c r="A49" s="8">
        <v>432000000</v>
      </c>
      <c r="B49" s="7">
        <v>0.02</v>
      </c>
      <c r="C49" s="9">
        <v>500</v>
      </c>
    </row>
    <row r="50" spans="1:3" x14ac:dyDescent="0.25">
      <c r="A50" s="8">
        <v>500000000</v>
      </c>
      <c r="B50" s="7">
        <v>0.1</v>
      </c>
      <c r="C50" s="9">
        <v>500</v>
      </c>
    </row>
    <row r="51" spans="1:3" x14ac:dyDescent="0.25">
      <c r="A51" s="8">
        <v>575000000</v>
      </c>
      <c r="B51" s="7">
        <v>0.55000000000000004</v>
      </c>
      <c r="C51" s="9">
        <v>500</v>
      </c>
    </row>
    <row r="52" spans="1:3" x14ac:dyDescent="0.25">
      <c r="A52" s="8">
        <v>250000000</v>
      </c>
      <c r="B52" s="7">
        <v>0</v>
      </c>
      <c r="C52" s="9">
        <v>600</v>
      </c>
    </row>
    <row r="53" spans="1:3" x14ac:dyDescent="0.25">
      <c r="A53" s="8">
        <v>310000000</v>
      </c>
      <c r="B53" s="7">
        <v>0.02</v>
      </c>
      <c r="C53" s="9">
        <v>600</v>
      </c>
    </row>
    <row r="54" spans="1:3" x14ac:dyDescent="0.25">
      <c r="A54" s="8">
        <v>360000000</v>
      </c>
      <c r="B54" s="7">
        <v>0.11</v>
      </c>
      <c r="C54" s="9">
        <v>600</v>
      </c>
    </row>
    <row r="55" spans="1:3" x14ac:dyDescent="0.25">
      <c r="A55" s="8">
        <v>440000000</v>
      </c>
      <c r="B55" s="7">
        <v>0.55000000000000004</v>
      </c>
      <c r="C55" s="9">
        <v>600</v>
      </c>
    </row>
    <row r="56" spans="1:3" x14ac:dyDescent="0.25">
      <c r="A56" s="8">
        <v>90000000</v>
      </c>
      <c r="B56" s="7">
        <v>0</v>
      </c>
      <c r="C56" s="9">
        <v>700</v>
      </c>
    </row>
    <row r="57" spans="1:3" x14ac:dyDescent="0.25">
      <c r="A57" s="8">
        <v>170000000</v>
      </c>
      <c r="B57" s="7">
        <v>0.04</v>
      </c>
      <c r="C57" s="9">
        <v>700</v>
      </c>
    </row>
    <row r="58" spans="1:3" x14ac:dyDescent="0.25">
      <c r="A58" s="8">
        <v>250000000</v>
      </c>
      <c r="B58" s="7">
        <v>0.21</v>
      </c>
      <c r="C58" s="9">
        <v>700</v>
      </c>
    </row>
    <row r="59" spans="1:3" x14ac:dyDescent="0.25">
      <c r="A59" s="8">
        <v>305000000</v>
      </c>
      <c r="B59" s="7">
        <v>0.56000000000000005</v>
      </c>
      <c r="C59" s="9">
        <v>700</v>
      </c>
    </row>
    <row r="60" spans="1:3" x14ac:dyDescent="0.25">
      <c r="A60" s="8">
        <v>86000000</v>
      </c>
      <c r="B60" s="7">
        <v>0</v>
      </c>
      <c r="C60" s="9">
        <v>800</v>
      </c>
    </row>
    <row r="61" spans="1:3" x14ac:dyDescent="0.25">
      <c r="A61" s="8">
        <v>135000000</v>
      </c>
      <c r="B61" s="7">
        <v>0.57999999999999996</v>
      </c>
      <c r="C61" s="9">
        <v>800</v>
      </c>
    </row>
    <row r="62" spans="1:3" x14ac:dyDescent="0.25">
      <c r="A62" s="8">
        <v>86000000</v>
      </c>
      <c r="B62" s="7">
        <v>0</v>
      </c>
      <c r="C62" s="9">
        <v>950</v>
      </c>
    </row>
    <row r="63" spans="1:3" x14ac:dyDescent="0.25">
      <c r="A63" s="8">
        <v>86000000</v>
      </c>
      <c r="B63" s="7">
        <v>0.57999999999999996</v>
      </c>
      <c r="C63" s="9">
        <v>950</v>
      </c>
    </row>
    <row r="64" spans="1:3" x14ac:dyDescent="0.25">
      <c r="A64" s="8">
        <v>70000000</v>
      </c>
      <c r="B64" s="7">
        <v>0</v>
      </c>
      <c r="C64" s="9">
        <v>1100</v>
      </c>
    </row>
    <row r="65" spans="1:3" x14ac:dyDescent="0.25">
      <c r="A65" s="8">
        <v>70000000</v>
      </c>
      <c r="B65" s="7">
        <v>0.57999999999999996</v>
      </c>
      <c r="C65" s="9">
        <v>1100</v>
      </c>
    </row>
    <row r="66" spans="1:3" x14ac:dyDescent="0.25">
      <c r="A66" s="8">
        <v>40000000</v>
      </c>
      <c r="B66" s="7">
        <v>0</v>
      </c>
      <c r="C66" s="9">
        <v>1200</v>
      </c>
    </row>
    <row r="67" spans="1:3" x14ac:dyDescent="0.25">
      <c r="A67" s="8">
        <v>40000000</v>
      </c>
      <c r="B67" s="7">
        <v>0.57999999999999996</v>
      </c>
      <c r="C67" s="9">
        <v>1200</v>
      </c>
    </row>
    <row r="68" spans="1:3" x14ac:dyDescent="0.25">
      <c r="A68" s="8">
        <v>18000000</v>
      </c>
      <c r="B68" s="7">
        <v>0</v>
      </c>
      <c r="C68" s="9">
        <v>1300</v>
      </c>
    </row>
    <row r="69" spans="1:3" x14ac:dyDescent="0.25">
      <c r="A69" s="8">
        <v>18000000</v>
      </c>
      <c r="B69" s="7">
        <v>0.57999999999999996</v>
      </c>
      <c r="C69" s="9">
        <v>1300</v>
      </c>
    </row>
    <row r="70" spans="1:3" x14ac:dyDescent="0.25">
      <c r="A70" s="8">
        <v>10000000</v>
      </c>
      <c r="B70" s="7">
        <v>0</v>
      </c>
      <c r="C70" s="9">
        <v>1400</v>
      </c>
    </row>
    <row r="71" spans="1:3" x14ac:dyDescent="0.25">
      <c r="A71" s="8">
        <v>10000000</v>
      </c>
      <c r="B71" s="7">
        <v>0.57999999999999996</v>
      </c>
      <c r="C71" s="9">
        <v>1400</v>
      </c>
    </row>
    <row r="73" spans="1:3" ht="38.25" x14ac:dyDescent="0.25">
      <c r="A73" s="12" t="s">
        <v>8</v>
      </c>
      <c r="B73" s="12" t="s">
        <v>4</v>
      </c>
    </row>
    <row r="74" spans="1:3" x14ac:dyDescent="0.25">
      <c r="A74" s="13">
        <v>480</v>
      </c>
      <c r="B74" s="13">
        <v>20</v>
      </c>
    </row>
    <row r="75" spans="1:3" x14ac:dyDescent="0.25">
      <c r="A75" s="13">
        <v>486.04</v>
      </c>
      <c r="B75" s="13">
        <v>50</v>
      </c>
    </row>
    <row r="76" spans="1:3" x14ac:dyDescent="0.25">
      <c r="A76" s="13">
        <v>506.99</v>
      </c>
      <c r="B76" s="13">
        <v>100</v>
      </c>
    </row>
    <row r="77" spans="1:3" x14ac:dyDescent="0.25">
      <c r="A77" s="13">
        <v>519.55999999999995</v>
      </c>
      <c r="B77" s="13">
        <v>150</v>
      </c>
    </row>
    <row r="78" spans="1:3" x14ac:dyDescent="0.25">
      <c r="A78" s="13">
        <v>532.13</v>
      </c>
      <c r="B78" s="13">
        <v>200</v>
      </c>
    </row>
    <row r="79" spans="1:3" x14ac:dyDescent="0.25">
      <c r="A79" s="13">
        <v>557.27</v>
      </c>
      <c r="B79" s="13">
        <v>250</v>
      </c>
    </row>
    <row r="80" spans="1:3" x14ac:dyDescent="0.25">
      <c r="A80" s="13">
        <v>574.03</v>
      </c>
      <c r="B80" s="13">
        <v>300</v>
      </c>
    </row>
    <row r="81" spans="1:2" x14ac:dyDescent="0.25">
      <c r="A81" s="13">
        <v>599.16999999999996</v>
      </c>
      <c r="B81" s="13">
        <v>350</v>
      </c>
    </row>
    <row r="82" spans="1:2" x14ac:dyDescent="0.25">
      <c r="A82" s="13">
        <v>624.30999999999995</v>
      </c>
      <c r="B82" s="13">
        <v>400</v>
      </c>
    </row>
    <row r="83" spans="1:2" x14ac:dyDescent="0.25">
      <c r="A83" s="13">
        <v>662.02</v>
      </c>
      <c r="B83" s="13">
        <v>450</v>
      </c>
    </row>
    <row r="84" spans="1:2" x14ac:dyDescent="0.25">
      <c r="A84" s="13">
        <v>703.92</v>
      </c>
      <c r="B84" s="13">
        <v>500</v>
      </c>
    </row>
    <row r="85" spans="1:2" x14ac:dyDescent="0.25">
      <c r="A85" s="13">
        <v>750.01</v>
      </c>
      <c r="B85" s="13">
        <v>550</v>
      </c>
    </row>
    <row r="86" spans="1:2" x14ac:dyDescent="0.25">
      <c r="A86" s="13">
        <v>787.72</v>
      </c>
      <c r="B86" s="13">
        <v>600</v>
      </c>
    </row>
    <row r="87" spans="1:2" x14ac:dyDescent="0.25">
      <c r="A87" s="13">
        <v>846.38</v>
      </c>
      <c r="B87" s="13">
        <v>650</v>
      </c>
    </row>
    <row r="88" spans="1:2" x14ac:dyDescent="0.25">
      <c r="A88" s="13">
        <v>870</v>
      </c>
      <c r="B88" s="13">
        <v>700</v>
      </c>
    </row>
    <row r="89" spans="1:2" x14ac:dyDescent="0.25">
      <c r="A89" s="13">
        <v>798.2</v>
      </c>
      <c r="B89" s="13">
        <v>723</v>
      </c>
    </row>
    <row r="90" spans="1:2" x14ac:dyDescent="0.25">
      <c r="A90" s="13">
        <v>678.78</v>
      </c>
      <c r="B90" s="13">
        <v>850</v>
      </c>
    </row>
    <row r="91" spans="1:2" x14ac:dyDescent="0.25">
      <c r="A91" s="13">
        <v>657.83</v>
      </c>
      <c r="B91" s="13">
        <v>900</v>
      </c>
    </row>
    <row r="92" spans="1:2" x14ac:dyDescent="0.25">
      <c r="A92" s="13">
        <v>657.83</v>
      </c>
      <c r="B92" s="13">
        <v>950</v>
      </c>
    </row>
    <row r="93" spans="1:2" x14ac:dyDescent="0.25">
      <c r="A93" s="13">
        <v>657.83</v>
      </c>
      <c r="B93" s="13">
        <v>1000</v>
      </c>
    </row>
    <row r="94" spans="1:2" x14ac:dyDescent="0.25">
      <c r="A94" s="13">
        <v>666.21</v>
      </c>
      <c r="B94" s="13">
        <v>1050</v>
      </c>
    </row>
    <row r="95" spans="1:2" x14ac:dyDescent="0.25">
      <c r="A95" s="13">
        <v>666.21</v>
      </c>
      <c r="B95" s="13">
        <v>1100</v>
      </c>
    </row>
    <row r="96" spans="1:2" x14ac:dyDescent="0.25">
      <c r="A96" s="13">
        <v>666.21</v>
      </c>
      <c r="B96" s="13">
        <v>1250</v>
      </c>
    </row>
    <row r="97" spans="1:2" x14ac:dyDescent="0.25">
      <c r="A97" s="13">
        <v>666.21</v>
      </c>
      <c r="B97" s="13">
        <v>1500</v>
      </c>
    </row>
    <row r="98" spans="1:2" x14ac:dyDescent="0.25">
      <c r="A98" s="13">
        <v>670.4</v>
      </c>
      <c r="B98" s="13">
        <v>1530</v>
      </c>
    </row>
    <row r="99" spans="1:2" x14ac:dyDescent="0.25">
      <c r="A99" s="10"/>
      <c r="B99" s="10"/>
    </row>
    <row r="100" spans="1:2" ht="38.25" x14ac:dyDescent="0.25">
      <c r="A100" s="12" t="s">
        <v>9</v>
      </c>
      <c r="B100" s="12" t="s">
        <v>4</v>
      </c>
    </row>
    <row r="101" spans="1:2" x14ac:dyDescent="0.25">
      <c r="A101" s="13">
        <v>51.956000000000003</v>
      </c>
      <c r="B101" s="13">
        <v>20</v>
      </c>
    </row>
    <row r="102" spans="1:2" x14ac:dyDescent="0.25">
      <c r="A102" s="13">
        <v>51.536999999999999</v>
      </c>
      <c r="B102" s="13">
        <v>50</v>
      </c>
    </row>
    <row r="103" spans="1:2" x14ac:dyDescent="0.25">
      <c r="A103" s="13">
        <v>51.118000000000002</v>
      </c>
      <c r="B103" s="13">
        <v>100</v>
      </c>
    </row>
    <row r="104" spans="1:2" x14ac:dyDescent="0.25">
      <c r="A104" s="13">
        <v>49.856000000000002</v>
      </c>
      <c r="B104" s="13">
        <v>150</v>
      </c>
    </row>
    <row r="105" spans="1:2" x14ac:dyDescent="0.25">
      <c r="A105" s="13">
        <v>48.148000000000003</v>
      </c>
      <c r="B105" s="13">
        <v>200</v>
      </c>
    </row>
    <row r="106" spans="1:2" x14ac:dyDescent="0.25">
      <c r="A106" s="13">
        <v>46.509</v>
      </c>
      <c r="B106" s="13">
        <v>250</v>
      </c>
    </row>
    <row r="107" spans="1:2" x14ac:dyDescent="0.25">
      <c r="A107" s="13">
        <v>44.414000000000001</v>
      </c>
      <c r="B107" s="13">
        <v>300</v>
      </c>
    </row>
    <row r="108" spans="1:2" x14ac:dyDescent="0.25">
      <c r="A108" s="13">
        <v>43.576000000000001</v>
      </c>
      <c r="B108" s="13">
        <v>350</v>
      </c>
    </row>
    <row r="109" spans="1:2" x14ac:dyDescent="0.25">
      <c r="A109" s="13">
        <v>42.738</v>
      </c>
      <c r="B109" s="13">
        <v>400</v>
      </c>
    </row>
    <row r="110" spans="1:2" x14ac:dyDescent="0.25">
      <c r="A110" s="13">
        <v>41.061999999999998</v>
      </c>
      <c r="B110" s="13">
        <v>450</v>
      </c>
    </row>
    <row r="111" spans="1:2" x14ac:dyDescent="0.25">
      <c r="A111" s="13">
        <v>39.386000000000003</v>
      </c>
      <c r="B111" s="13">
        <v>500</v>
      </c>
    </row>
    <row r="112" spans="1:2" x14ac:dyDescent="0.25">
      <c r="A112" s="13">
        <v>37.71</v>
      </c>
      <c r="B112" s="13">
        <v>550</v>
      </c>
    </row>
    <row r="113" spans="1:2" x14ac:dyDescent="0.25">
      <c r="A113" s="13">
        <v>35.615000000000002</v>
      </c>
      <c r="B113" s="13">
        <v>600</v>
      </c>
    </row>
    <row r="114" spans="1:2" x14ac:dyDescent="0.25">
      <c r="A114" s="13">
        <v>33.939</v>
      </c>
      <c r="B114" s="13">
        <v>650</v>
      </c>
    </row>
    <row r="115" spans="1:2" x14ac:dyDescent="0.25">
      <c r="A115" s="13">
        <v>31.844000000000001</v>
      </c>
      <c r="B115" s="13">
        <v>700</v>
      </c>
    </row>
    <row r="116" spans="1:2" x14ac:dyDescent="0.25">
      <c r="A116" s="13">
        <v>27.864000000000001</v>
      </c>
      <c r="B116" s="13">
        <v>723</v>
      </c>
    </row>
    <row r="117" spans="1:2" x14ac:dyDescent="0.25">
      <c r="A117" s="13">
        <v>26.606999999999999</v>
      </c>
      <c r="B117" s="13">
        <v>750</v>
      </c>
    </row>
    <row r="118" spans="1:2" x14ac:dyDescent="0.25">
      <c r="A118" s="13">
        <v>25.559000000000001</v>
      </c>
      <c r="B118" s="13">
        <v>800</v>
      </c>
    </row>
    <row r="119" spans="1:2" x14ac:dyDescent="0.25">
      <c r="A119" s="13">
        <v>25.768999999999998</v>
      </c>
      <c r="B119" s="13">
        <v>850</v>
      </c>
    </row>
    <row r="120" spans="1:2" x14ac:dyDescent="0.25">
      <c r="A120" s="13">
        <v>26.396999999999998</v>
      </c>
      <c r="B120" s="13">
        <v>900</v>
      </c>
    </row>
    <row r="121" spans="1:2" x14ac:dyDescent="0.25">
      <c r="A121" s="13">
        <v>26.815999999999999</v>
      </c>
      <c r="B121" s="13">
        <v>950</v>
      </c>
    </row>
    <row r="122" spans="1:2" x14ac:dyDescent="0.25">
      <c r="A122" s="13">
        <v>27.234999999999999</v>
      </c>
      <c r="B122" s="13">
        <v>1000</v>
      </c>
    </row>
    <row r="123" spans="1:2" x14ac:dyDescent="0.25">
      <c r="A123" s="13">
        <v>28.073</v>
      </c>
      <c r="B123" s="13">
        <v>1050</v>
      </c>
    </row>
    <row r="124" spans="1:2" x14ac:dyDescent="0.25">
      <c r="A124" s="13">
        <v>28.492000000000001</v>
      </c>
      <c r="B124" s="13">
        <v>1100</v>
      </c>
    </row>
    <row r="125" spans="1:2" x14ac:dyDescent="0.25">
      <c r="A125" s="13">
        <v>29.33</v>
      </c>
      <c r="B125" s="13">
        <v>1150</v>
      </c>
    </row>
    <row r="126" spans="1:2" x14ac:dyDescent="0.25">
      <c r="A126" s="13">
        <v>29.748999999999999</v>
      </c>
      <c r="B126" s="13">
        <v>1200</v>
      </c>
    </row>
    <row r="127" spans="1:2" x14ac:dyDescent="0.25">
      <c r="A127" s="13">
        <v>30</v>
      </c>
      <c r="B127" s="13">
        <v>1500</v>
      </c>
    </row>
    <row r="128" spans="1:2" x14ac:dyDescent="0.25">
      <c r="A128" s="15">
        <v>35</v>
      </c>
      <c r="B128" s="15">
        <v>1530</v>
      </c>
    </row>
    <row r="129" spans="1:7" x14ac:dyDescent="0.25">
      <c r="A129" s="16">
        <v>120</v>
      </c>
      <c r="B129" s="16">
        <v>1560</v>
      </c>
    </row>
    <row r="131" spans="1:7" x14ac:dyDescent="0.25">
      <c r="A131" t="s">
        <v>10</v>
      </c>
    </row>
    <row r="132" spans="1:7" x14ac:dyDescent="0.25">
      <c r="A132" s="10" t="s">
        <v>11</v>
      </c>
      <c r="B132" s="10" t="s">
        <v>12</v>
      </c>
      <c r="C132" s="10" t="s">
        <v>13</v>
      </c>
      <c r="D132" s="10" t="s">
        <v>14</v>
      </c>
      <c r="E132" s="10" t="s">
        <v>15</v>
      </c>
      <c r="F132" s="10" t="s">
        <v>16</v>
      </c>
      <c r="G132" s="10" t="s">
        <v>17</v>
      </c>
    </row>
    <row r="133" spans="1:7" x14ac:dyDescent="0.25">
      <c r="A133" s="10">
        <v>0</v>
      </c>
      <c r="B133" s="10">
        <v>17.841000000000001</v>
      </c>
      <c r="C133" s="10">
        <v>17.893000000000001</v>
      </c>
      <c r="D133" s="10">
        <v>17.637499999999999</v>
      </c>
      <c r="E133" s="10">
        <v>18.411999999999999</v>
      </c>
      <c r="F133" s="10">
        <v>17.054500000000001</v>
      </c>
      <c r="G133" s="10">
        <v>17.8095</v>
      </c>
    </row>
    <row r="134" spans="1:7" x14ac:dyDescent="0.25">
      <c r="A134" s="10">
        <v>0.5</v>
      </c>
      <c r="B134" s="10">
        <v>17.77975</v>
      </c>
      <c r="C134" s="10">
        <v>17.896249999999998</v>
      </c>
      <c r="D134" s="10">
        <v>17.661249999999999</v>
      </c>
      <c r="E134" s="10">
        <v>18.386749999999999</v>
      </c>
      <c r="F134" s="10">
        <v>17.029499999999999</v>
      </c>
      <c r="G134" s="10">
        <v>17.777750000000001</v>
      </c>
    </row>
    <row r="135" spans="1:7" x14ac:dyDescent="0.25">
      <c r="A135" s="10">
        <v>1</v>
      </c>
      <c r="B135" s="10">
        <v>17.876249999999999</v>
      </c>
      <c r="C135" s="10">
        <v>17.050249999999998</v>
      </c>
      <c r="D135" s="10">
        <v>17.969249999999999</v>
      </c>
      <c r="E135" s="10">
        <v>18.43525</v>
      </c>
      <c r="F135" s="10">
        <v>17.119250000000001</v>
      </c>
      <c r="G135" s="10">
        <v>18.076250000000002</v>
      </c>
    </row>
    <row r="136" spans="1:7" x14ac:dyDescent="0.25">
      <c r="A136" s="10">
        <v>1.5</v>
      </c>
      <c r="B136" s="10">
        <v>18.194749999999999</v>
      </c>
      <c r="C136" s="10">
        <v>19.52975</v>
      </c>
      <c r="D136" s="10">
        <v>17.794499999999999</v>
      </c>
      <c r="E136" s="10">
        <v>18.419499999999999</v>
      </c>
      <c r="F136" s="10">
        <v>17.255749999999999</v>
      </c>
      <c r="G136" s="10">
        <v>17.879750000000001</v>
      </c>
    </row>
    <row r="137" spans="1:7" x14ac:dyDescent="0.25">
      <c r="A137" s="10">
        <v>2</v>
      </c>
      <c r="B137" s="10">
        <v>17.809249999999999</v>
      </c>
      <c r="C137" s="10">
        <v>19.896750000000001</v>
      </c>
      <c r="D137" s="10">
        <v>17.901499999999999</v>
      </c>
      <c r="E137" s="10">
        <v>18.462</v>
      </c>
      <c r="F137" s="10">
        <v>17.126000000000001</v>
      </c>
      <c r="G137" s="10">
        <v>18.008749999999999</v>
      </c>
    </row>
    <row r="138" spans="1:7" x14ac:dyDescent="0.25">
      <c r="A138" s="10">
        <v>2.5</v>
      </c>
      <c r="B138" s="10">
        <v>17.9955</v>
      </c>
      <c r="C138" s="10">
        <v>19.379750000000001</v>
      </c>
      <c r="D138" s="10">
        <v>17.344999999999999</v>
      </c>
      <c r="E138" s="10">
        <v>18.442250000000001</v>
      </c>
      <c r="F138" s="10">
        <v>17.200749999999999</v>
      </c>
      <c r="G138" s="10">
        <v>17.971499999999999</v>
      </c>
    </row>
    <row r="139" spans="1:7" x14ac:dyDescent="0.25">
      <c r="A139" s="10">
        <v>3</v>
      </c>
      <c r="B139" s="10">
        <v>18.03875</v>
      </c>
      <c r="C139" s="10">
        <v>17.608750000000001</v>
      </c>
      <c r="D139" s="10">
        <v>17.712250000000001</v>
      </c>
      <c r="E139" s="10">
        <v>18.55425</v>
      </c>
      <c r="F139" s="10">
        <v>17.221</v>
      </c>
      <c r="G139" s="10">
        <v>17.900500000000001</v>
      </c>
    </row>
    <row r="140" spans="1:7" x14ac:dyDescent="0.25">
      <c r="A140" s="10">
        <v>3.5</v>
      </c>
      <c r="B140" s="10">
        <v>17.984249999999999</v>
      </c>
      <c r="C140" s="10">
        <v>18.299499999999998</v>
      </c>
      <c r="D140" s="10">
        <v>17.823250000000002</v>
      </c>
      <c r="E140" s="10">
        <v>18.54025</v>
      </c>
      <c r="F140" s="10">
        <v>17.23875</v>
      </c>
      <c r="G140" s="10">
        <v>17.905999999999999</v>
      </c>
    </row>
    <row r="141" spans="1:7" x14ac:dyDescent="0.25">
      <c r="A141" s="10">
        <v>4</v>
      </c>
      <c r="B141" s="10">
        <v>18.197749999999999</v>
      </c>
      <c r="C141" s="10">
        <v>17.713000000000001</v>
      </c>
      <c r="D141" s="10">
        <v>17.728750000000002</v>
      </c>
      <c r="E141" s="10">
        <v>18.35125</v>
      </c>
      <c r="F141" s="10">
        <v>17.19575</v>
      </c>
      <c r="G141" s="10">
        <v>17.897500000000001</v>
      </c>
    </row>
    <row r="142" spans="1:7" x14ac:dyDescent="0.25">
      <c r="A142" s="10">
        <v>4.5</v>
      </c>
      <c r="B142" s="10">
        <v>18.36675</v>
      </c>
      <c r="C142" s="10">
        <v>18.040500000000002</v>
      </c>
      <c r="D142" s="10">
        <v>17.793500000000002</v>
      </c>
      <c r="E142" s="10">
        <v>18.3965</v>
      </c>
      <c r="F142" s="10">
        <v>17.157250000000001</v>
      </c>
      <c r="G142" s="10">
        <v>17.914249999999999</v>
      </c>
    </row>
    <row r="143" spans="1:7" x14ac:dyDescent="0.25">
      <c r="A143" s="10">
        <v>5</v>
      </c>
      <c r="B143" s="10">
        <v>18.068750000000001</v>
      </c>
      <c r="C143" s="10">
        <v>18.017250000000001</v>
      </c>
      <c r="D143" s="10">
        <v>17.7195</v>
      </c>
      <c r="E143" s="10">
        <v>18.521000000000001</v>
      </c>
      <c r="F143" s="10">
        <v>17.151250000000001</v>
      </c>
      <c r="G143" s="10">
        <v>17.96875</v>
      </c>
    </row>
    <row r="144" spans="1:7" x14ac:dyDescent="0.25">
      <c r="A144" s="10">
        <v>5.5</v>
      </c>
      <c r="B144" s="10">
        <v>18.000499999999999</v>
      </c>
      <c r="C144" s="10">
        <v>18.065999999999999</v>
      </c>
      <c r="D144" s="10">
        <v>17.85575</v>
      </c>
      <c r="E144" s="10">
        <v>18.50975</v>
      </c>
      <c r="F144" s="10">
        <v>17.169</v>
      </c>
      <c r="G144" s="10">
        <v>17.873000000000001</v>
      </c>
    </row>
    <row r="145" spans="1:7" x14ac:dyDescent="0.25">
      <c r="A145" s="10">
        <v>6</v>
      </c>
      <c r="B145" s="10">
        <v>18.06325</v>
      </c>
      <c r="C145" s="10">
        <v>18.026250000000001</v>
      </c>
      <c r="D145" s="10">
        <v>17.799499999999998</v>
      </c>
      <c r="E145" s="10">
        <v>18.525500000000001</v>
      </c>
      <c r="F145" s="10">
        <v>17.24775</v>
      </c>
      <c r="G145" s="10">
        <v>17.968</v>
      </c>
    </row>
    <row r="146" spans="1:7" x14ac:dyDescent="0.25">
      <c r="A146" s="10">
        <v>6.5</v>
      </c>
      <c r="B146" s="10">
        <v>18.097999999999999</v>
      </c>
      <c r="C146" s="10">
        <v>17.949249999999999</v>
      </c>
      <c r="D146" s="10">
        <v>17.88025</v>
      </c>
      <c r="E146" s="10">
        <v>18.312249999999999</v>
      </c>
      <c r="F146" s="10">
        <v>17.134250000000002</v>
      </c>
      <c r="G146" s="10">
        <v>18.037500000000001</v>
      </c>
    </row>
    <row r="147" spans="1:7" x14ac:dyDescent="0.25">
      <c r="A147" s="10">
        <v>7</v>
      </c>
      <c r="B147" s="10">
        <v>18.036999999999999</v>
      </c>
      <c r="C147" s="10">
        <v>18.216249999999999</v>
      </c>
      <c r="D147" s="10">
        <v>17.765499999999999</v>
      </c>
      <c r="E147" s="10">
        <v>18.354749999999999</v>
      </c>
      <c r="F147" s="10">
        <v>17.268249999999998</v>
      </c>
      <c r="G147" s="10">
        <v>17.957750000000001</v>
      </c>
    </row>
    <row r="148" spans="1:7" x14ac:dyDescent="0.25">
      <c r="A148" s="10">
        <v>7.5</v>
      </c>
      <c r="B148" s="10">
        <v>18.000250000000001</v>
      </c>
      <c r="C148" s="10">
        <v>17.93675</v>
      </c>
      <c r="D148" s="10">
        <v>17.839500000000001</v>
      </c>
      <c r="E148" s="10">
        <v>18.351749999999999</v>
      </c>
      <c r="F148" s="10">
        <v>17.13</v>
      </c>
      <c r="G148" s="10">
        <v>17.88025</v>
      </c>
    </row>
    <row r="149" spans="1:7" x14ac:dyDescent="0.25">
      <c r="A149" s="10">
        <v>8</v>
      </c>
      <c r="B149" s="10">
        <v>18.053249999999998</v>
      </c>
      <c r="C149" s="10">
        <v>17.949750000000002</v>
      </c>
      <c r="D149" s="10">
        <v>17.751750000000001</v>
      </c>
      <c r="E149" s="10">
        <v>18.405249999999999</v>
      </c>
      <c r="F149" s="10">
        <v>17.299250000000001</v>
      </c>
      <c r="G149" s="10">
        <v>17.948</v>
      </c>
    </row>
    <row r="150" spans="1:7" x14ac:dyDescent="0.25">
      <c r="A150" s="10">
        <v>8.5</v>
      </c>
      <c r="B150" s="10">
        <v>18.111999999999998</v>
      </c>
      <c r="C150" s="10">
        <v>18.071750000000002</v>
      </c>
      <c r="D150" s="10">
        <v>17.792000000000002</v>
      </c>
      <c r="E150" s="10">
        <v>18.4605</v>
      </c>
      <c r="F150" s="10">
        <v>17.082000000000001</v>
      </c>
      <c r="G150" s="10">
        <v>18.09</v>
      </c>
    </row>
    <row r="151" spans="1:7" x14ac:dyDescent="0.25">
      <c r="A151" s="10">
        <v>9</v>
      </c>
      <c r="B151" s="10">
        <v>17.981249999999999</v>
      </c>
      <c r="C151" s="10">
        <v>18.176749999999998</v>
      </c>
      <c r="D151" s="10">
        <v>17.756250000000001</v>
      </c>
      <c r="E151" s="10">
        <v>18.336749999999999</v>
      </c>
      <c r="F151" s="10">
        <v>17.222249999999999</v>
      </c>
      <c r="G151" s="10">
        <v>17.924250000000001</v>
      </c>
    </row>
    <row r="152" spans="1:7" x14ac:dyDescent="0.25">
      <c r="A152" s="10">
        <v>9.5</v>
      </c>
      <c r="B152" s="10">
        <v>18.273250000000001</v>
      </c>
      <c r="C152" s="10">
        <v>18.044</v>
      </c>
      <c r="D152" s="10">
        <v>17.776250000000001</v>
      </c>
      <c r="E152" s="10">
        <v>18.472750000000001</v>
      </c>
      <c r="F152" s="10">
        <v>17.12875</v>
      </c>
      <c r="G152" s="10">
        <v>17.978999999999999</v>
      </c>
    </row>
    <row r="153" spans="1:7" x14ac:dyDescent="0.25">
      <c r="A153" s="10">
        <v>10</v>
      </c>
      <c r="B153" s="10">
        <v>18.145</v>
      </c>
      <c r="C153" s="10">
        <v>18.1995</v>
      </c>
      <c r="D153" s="10">
        <v>17.795750000000002</v>
      </c>
      <c r="E153" s="10">
        <v>18.46725</v>
      </c>
      <c r="F153" s="10">
        <v>17.12425</v>
      </c>
      <c r="G153" s="10">
        <v>17.940999999999999</v>
      </c>
    </row>
    <row r="154" spans="1:7" x14ac:dyDescent="0.25">
      <c r="A154" s="10">
        <v>10.5</v>
      </c>
      <c r="B154" s="10">
        <v>17.950500000000002</v>
      </c>
      <c r="C154" s="10">
        <v>17.973500000000001</v>
      </c>
      <c r="D154" s="10">
        <v>17.797499999999999</v>
      </c>
      <c r="E154" s="10">
        <v>18.451000000000001</v>
      </c>
      <c r="F154" s="10">
        <v>17.115749999999998</v>
      </c>
      <c r="G154" s="10">
        <v>17.874500000000001</v>
      </c>
    </row>
    <row r="155" spans="1:7" x14ac:dyDescent="0.25">
      <c r="A155" s="10">
        <v>11</v>
      </c>
      <c r="B155" s="10">
        <v>18.00225</v>
      </c>
      <c r="C155" s="10">
        <v>18.0425</v>
      </c>
      <c r="D155" s="10">
        <v>17.826499999999999</v>
      </c>
      <c r="E155" s="10">
        <v>18.533000000000001</v>
      </c>
      <c r="F155" s="10">
        <v>17.076499999999999</v>
      </c>
      <c r="G155" s="10">
        <v>17.982749999999999</v>
      </c>
    </row>
    <row r="156" spans="1:7" x14ac:dyDescent="0.25">
      <c r="A156" s="10">
        <v>11.5</v>
      </c>
      <c r="B156" s="10">
        <v>18.068750000000001</v>
      </c>
      <c r="C156" s="10">
        <v>18.084</v>
      </c>
      <c r="D156" s="10">
        <v>17.6845</v>
      </c>
      <c r="E156" s="10">
        <v>18.449750000000002</v>
      </c>
      <c r="F156" s="10">
        <v>17.141249999999999</v>
      </c>
      <c r="G156" s="10">
        <v>17.951250000000002</v>
      </c>
    </row>
    <row r="157" spans="1:7" x14ac:dyDescent="0.25">
      <c r="A157" s="10">
        <v>12</v>
      </c>
      <c r="B157" s="10">
        <v>18.124749999999999</v>
      </c>
      <c r="C157" s="10">
        <v>17.965</v>
      </c>
      <c r="D157" s="10">
        <v>17.779250000000001</v>
      </c>
      <c r="E157" s="10">
        <v>18.523499999999999</v>
      </c>
      <c r="F157" s="10">
        <v>17.125250000000001</v>
      </c>
      <c r="G157" s="10">
        <v>17.937249999999999</v>
      </c>
    </row>
    <row r="158" spans="1:7" x14ac:dyDescent="0.25">
      <c r="A158" s="10">
        <v>12.5</v>
      </c>
      <c r="B158" s="10">
        <v>18.048749999999998</v>
      </c>
      <c r="C158" s="10">
        <v>18.00825</v>
      </c>
      <c r="D158" s="10">
        <v>17.8935</v>
      </c>
      <c r="E158" s="10">
        <v>18.360749999999999</v>
      </c>
      <c r="F158" s="10">
        <v>17.239249999999998</v>
      </c>
      <c r="G158" s="10">
        <v>18.007750000000001</v>
      </c>
    </row>
    <row r="159" spans="1:7" x14ac:dyDescent="0.25">
      <c r="A159" s="10">
        <v>13</v>
      </c>
      <c r="B159" s="10">
        <v>18.090499999999999</v>
      </c>
      <c r="C159" s="10">
        <v>18.087499999999999</v>
      </c>
      <c r="D159" s="10">
        <v>17.743749999999999</v>
      </c>
      <c r="E159" s="10">
        <v>18.504000000000001</v>
      </c>
      <c r="F159" s="10">
        <v>17.2165</v>
      </c>
      <c r="G159" s="10">
        <v>17.962250000000001</v>
      </c>
    </row>
    <row r="160" spans="1:7" x14ac:dyDescent="0.25">
      <c r="A160" s="10">
        <v>13.5</v>
      </c>
      <c r="B160" s="10">
        <v>18.080249999999999</v>
      </c>
      <c r="C160" s="10">
        <v>18.096499999999999</v>
      </c>
      <c r="D160" s="10">
        <v>17.749500000000001</v>
      </c>
      <c r="E160" s="10">
        <v>18.385999999999999</v>
      </c>
      <c r="F160" s="10">
        <v>17.052250000000001</v>
      </c>
      <c r="G160" s="10">
        <v>17.89425</v>
      </c>
    </row>
    <row r="161" spans="1:7" x14ac:dyDescent="0.25">
      <c r="A161" s="10">
        <v>14</v>
      </c>
      <c r="B161" s="10">
        <v>17.93975</v>
      </c>
      <c r="C161" s="10">
        <v>17.886500000000002</v>
      </c>
      <c r="D161" s="10">
        <v>17.79175</v>
      </c>
      <c r="E161" s="10">
        <v>18.378499999999999</v>
      </c>
      <c r="F161" s="10">
        <v>16.877749999999999</v>
      </c>
      <c r="G161" s="10">
        <v>18.0015</v>
      </c>
    </row>
    <row r="162" spans="1:7" x14ac:dyDescent="0.25">
      <c r="A162" s="10">
        <v>14.5</v>
      </c>
      <c r="B162" s="10">
        <v>18.049250000000001</v>
      </c>
      <c r="C162" s="10">
        <v>18.033999999999999</v>
      </c>
      <c r="D162" s="10">
        <v>17.852250000000002</v>
      </c>
      <c r="E162" s="10">
        <v>18.419250000000002</v>
      </c>
      <c r="F162" s="10">
        <v>17.051500000000001</v>
      </c>
      <c r="G162" s="10">
        <v>17.943750000000001</v>
      </c>
    </row>
    <row r="163" spans="1:7" x14ac:dyDescent="0.25">
      <c r="A163" s="10">
        <v>15</v>
      </c>
      <c r="B163" s="10">
        <v>18.11375</v>
      </c>
      <c r="C163" s="10">
        <v>18.078499999999998</v>
      </c>
      <c r="D163" s="10">
        <v>17.833500000000001</v>
      </c>
      <c r="E163" s="10">
        <v>18.514500000000002</v>
      </c>
      <c r="F163" s="10">
        <v>17.231750000000002</v>
      </c>
      <c r="G163" s="10">
        <v>17.923999999999999</v>
      </c>
    </row>
    <row r="164" spans="1:7" x14ac:dyDescent="0.25">
      <c r="A164" s="10">
        <v>15.5</v>
      </c>
      <c r="B164" s="10">
        <v>17.995000000000001</v>
      </c>
      <c r="C164" s="10">
        <v>18.027999999999999</v>
      </c>
      <c r="D164" s="10">
        <v>17.839500000000001</v>
      </c>
      <c r="E164" s="10">
        <v>18.383500000000002</v>
      </c>
      <c r="F164" s="10">
        <v>17.328250000000001</v>
      </c>
      <c r="G164" s="10">
        <v>17.90775</v>
      </c>
    </row>
    <row r="165" spans="1:7" x14ac:dyDescent="0.25">
      <c r="A165" s="10">
        <v>16</v>
      </c>
      <c r="B165" s="10">
        <v>18.009499999999999</v>
      </c>
      <c r="C165" s="10">
        <v>17.979749999999999</v>
      </c>
      <c r="D165" s="10">
        <v>17.905249999999999</v>
      </c>
      <c r="E165" s="10">
        <v>18.536000000000001</v>
      </c>
      <c r="F165" s="10">
        <v>17.119250000000001</v>
      </c>
      <c r="G165" s="10">
        <v>17.805</v>
      </c>
    </row>
    <row r="166" spans="1:7" x14ac:dyDescent="0.25">
      <c r="A166" s="10">
        <v>16.5</v>
      </c>
      <c r="B166" s="10">
        <v>17.987500000000001</v>
      </c>
      <c r="C166" s="10">
        <v>18.035250000000001</v>
      </c>
      <c r="D166" s="10">
        <v>17.93825</v>
      </c>
      <c r="E166" s="10">
        <v>18.545249999999999</v>
      </c>
      <c r="F166" s="10">
        <v>17.260999999999999</v>
      </c>
      <c r="G166" s="10">
        <v>17.891249999999999</v>
      </c>
    </row>
    <row r="167" spans="1:7" x14ac:dyDescent="0.25">
      <c r="A167" s="10">
        <v>17</v>
      </c>
      <c r="B167" s="10">
        <v>18.111750000000001</v>
      </c>
      <c r="C167" s="10">
        <v>18.048249999999999</v>
      </c>
      <c r="D167" s="10">
        <v>17.788499999999999</v>
      </c>
      <c r="E167" s="10">
        <v>18.385999999999999</v>
      </c>
      <c r="F167" s="10">
        <v>17.19275</v>
      </c>
      <c r="G167" s="10">
        <v>17.88475</v>
      </c>
    </row>
    <row r="168" spans="1:7" x14ac:dyDescent="0.25">
      <c r="A168" s="10">
        <v>17.5</v>
      </c>
      <c r="B168" s="10">
        <v>17.9605</v>
      </c>
      <c r="C168" s="10">
        <v>18.027999999999999</v>
      </c>
      <c r="D168" s="10">
        <v>17.848749999999999</v>
      </c>
      <c r="E168" s="10">
        <v>18.50675</v>
      </c>
      <c r="F168" s="10">
        <v>17.1645</v>
      </c>
      <c r="G168" s="10">
        <v>17.950749999999999</v>
      </c>
    </row>
    <row r="169" spans="1:7" x14ac:dyDescent="0.25">
      <c r="A169" s="10">
        <v>18</v>
      </c>
      <c r="B169" s="10">
        <v>18.114000000000001</v>
      </c>
      <c r="C169" s="10">
        <v>17.995000000000001</v>
      </c>
      <c r="D169" s="10">
        <v>17.779</v>
      </c>
      <c r="E169" s="10">
        <v>18.541499999999999</v>
      </c>
      <c r="F169" s="10">
        <v>17.120249999999999</v>
      </c>
      <c r="G169" s="10">
        <v>17.992249999999999</v>
      </c>
    </row>
    <row r="170" spans="1:7" x14ac:dyDescent="0.25">
      <c r="A170" s="10">
        <v>18.5</v>
      </c>
      <c r="B170" s="10">
        <v>18.038</v>
      </c>
      <c r="C170" s="10">
        <v>17.9895</v>
      </c>
      <c r="D170" s="10">
        <v>17.839500000000001</v>
      </c>
      <c r="E170" s="10">
        <v>18.510000000000002</v>
      </c>
      <c r="F170" s="10">
        <v>17.114999999999998</v>
      </c>
      <c r="G170" s="10">
        <v>17.913499999999999</v>
      </c>
    </row>
    <row r="171" spans="1:7" x14ac:dyDescent="0.25">
      <c r="A171" s="10">
        <v>19</v>
      </c>
      <c r="B171" s="10">
        <v>18.119250000000001</v>
      </c>
      <c r="C171" s="10">
        <v>18.024750000000001</v>
      </c>
      <c r="D171" s="10">
        <v>17.79</v>
      </c>
      <c r="E171" s="10">
        <v>18.561</v>
      </c>
      <c r="F171" s="10">
        <v>17.184249999999999</v>
      </c>
      <c r="G171" s="10">
        <v>17.989249999999998</v>
      </c>
    </row>
    <row r="172" spans="1:7" x14ac:dyDescent="0.25">
      <c r="A172" s="10">
        <v>19.5</v>
      </c>
      <c r="B172" s="10">
        <v>18.001249999999999</v>
      </c>
      <c r="C172" s="10">
        <v>17.91075</v>
      </c>
      <c r="D172" s="10">
        <v>17.787749999999999</v>
      </c>
      <c r="E172" s="10">
        <v>18.489249999999998</v>
      </c>
      <c r="F172" s="10">
        <v>17.1995</v>
      </c>
      <c r="G172" s="10">
        <v>17.936</v>
      </c>
    </row>
    <row r="173" spans="1:7" x14ac:dyDescent="0.25">
      <c r="A173" s="10">
        <v>20</v>
      </c>
      <c r="B173" s="10">
        <v>17.89875</v>
      </c>
      <c r="C173" s="10">
        <v>18.056750000000001</v>
      </c>
      <c r="D173" s="10">
        <v>17.824999999999999</v>
      </c>
      <c r="E173" s="10">
        <v>18.4895</v>
      </c>
      <c r="F173" s="10">
        <v>17.179749999999999</v>
      </c>
      <c r="G173" s="10">
        <v>17.881499999999999</v>
      </c>
    </row>
    <row r="174" spans="1:7" x14ac:dyDescent="0.25">
      <c r="A174" s="10">
        <v>20.5</v>
      </c>
      <c r="B174" s="10">
        <v>18.081250000000001</v>
      </c>
      <c r="C174" s="10">
        <v>17.896999999999998</v>
      </c>
      <c r="D174" s="10">
        <v>17.84</v>
      </c>
      <c r="E174" s="10">
        <v>18.433250000000001</v>
      </c>
      <c r="F174" s="10">
        <v>17.216750000000001</v>
      </c>
      <c r="G174" s="10">
        <v>17.916250000000002</v>
      </c>
    </row>
    <row r="175" spans="1:7" x14ac:dyDescent="0.25">
      <c r="A175" s="10">
        <v>21</v>
      </c>
      <c r="B175" s="10">
        <v>18.028749999999999</v>
      </c>
      <c r="C175" s="10">
        <v>18.1675</v>
      </c>
      <c r="D175" s="10">
        <v>17.797499999999999</v>
      </c>
      <c r="E175" s="10">
        <v>18.495999999999999</v>
      </c>
      <c r="F175" s="10">
        <v>17.211749999999999</v>
      </c>
      <c r="G175" s="10">
        <v>17.838249999999999</v>
      </c>
    </row>
    <row r="176" spans="1:7" x14ac:dyDescent="0.25">
      <c r="A176" s="10">
        <v>21.5</v>
      </c>
      <c r="B176" s="10">
        <v>18.139749999999999</v>
      </c>
      <c r="C176" s="10">
        <v>18.114750000000001</v>
      </c>
      <c r="D176" s="10">
        <v>17.816500000000001</v>
      </c>
      <c r="E176" s="10">
        <v>18.422249999999998</v>
      </c>
      <c r="F176" s="10">
        <v>17.215499999999999</v>
      </c>
      <c r="G176" s="10">
        <v>17.95025</v>
      </c>
    </row>
    <row r="177" spans="1:7" x14ac:dyDescent="0.25">
      <c r="A177" s="10">
        <v>22</v>
      </c>
      <c r="B177" s="10">
        <v>18.049499999999998</v>
      </c>
      <c r="C177" s="10">
        <v>18.047249999999998</v>
      </c>
      <c r="D177" s="10">
        <v>17.858499999999999</v>
      </c>
      <c r="E177" s="10">
        <v>18.677250000000001</v>
      </c>
      <c r="F177" s="10">
        <v>17.2895</v>
      </c>
      <c r="G177" s="10">
        <v>17.942</v>
      </c>
    </row>
    <row r="178" spans="1:7" x14ac:dyDescent="0.25">
      <c r="A178" s="10">
        <v>22.5</v>
      </c>
      <c r="B178" s="10">
        <v>18.003</v>
      </c>
      <c r="C178" s="10">
        <v>18.056249999999999</v>
      </c>
      <c r="D178" s="10">
        <v>17.78</v>
      </c>
      <c r="E178" s="10">
        <v>18.499749999999999</v>
      </c>
      <c r="F178" s="10">
        <v>17.229500000000002</v>
      </c>
      <c r="G178" s="10">
        <v>18.04175</v>
      </c>
    </row>
    <row r="179" spans="1:7" x14ac:dyDescent="0.25">
      <c r="A179" s="10">
        <v>23</v>
      </c>
      <c r="B179" s="10">
        <v>18.07525</v>
      </c>
      <c r="C179" s="10">
        <v>18.074000000000002</v>
      </c>
      <c r="D179" s="10">
        <v>17.852</v>
      </c>
      <c r="E179" s="10">
        <v>18.49175</v>
      </c>
      <c r="F179" s="10">
        <v>17.236000000000001</v>
      </c>
      <c r="G179" s="10">
        <v>17.970500000000001</v>
      </c>
    </row>
    <row r="180" spans="1:7" x14ac:dyDescent="0.25">
      <c r="A180" s="10">
        <v>23.5</v>
      </c>
      <c r="B180" s="10">
        <v>17.85425</v>
      </c>
      <c r="C180" s="10">
        <v>17.997</v>
      </c>
      <c r="D180" s="10">
        <v>17.889749999999999</v>
      </c>
      <c r="E180" s="10">
        <v>18.486249999999998</v>
      </c>
      <c r="F180" s="10">
        <v>17.235499999999998</v>
      </c>
      <c r="G180" s="10">
        <v>18.030999999999999</v>
      </c>
    </row>
    <row r="181" spans="1:7" x14ac:dyDescent="0.25">
      <c r="A181" s="10">
        <v>24</v>
      </c>
      <c r="B181" s="10">
        <v>18.42775</v>
      </c>
      <c r="C181" s="10">
        <v>17.952249999999999</v>
      </c>
      <c r="D181" s="10">
        <v>17.777249999999999</v>
      </c>
      <c r="E181" s="10">
        <v>18.45825</v>
      </c>
      <c r="F181" s="10">
        <v>17.24775</v>
      </c>
      <c r="G181" s="10">
        <v>17.982749999999999</v>
      </c>
    </row>
    <row r="182" spans="1:7" x14ac:dyDescent="0.25">
      <c r="A182" s="10">
        <v>24.5</v>
      </c>
      <c r="B182" s="10">
        <v>18.218250000000001</v>
      </c>
      <c r="C182" s="10">
        <v>18.07525</v>
      </c>
      <c r="D182" s="10">
        <v>18.002500000000001</v>
      </c>
      <c r="E182" s="10">
        <v>18.66525</v>
      </c>
      <c r="F182" s="10">
        <v>17.180250000000001</v>
      </c>
      <c r="G182" s="10">
        <v>17.970500000000001</v>
      </c>
    </row>
    <row r="183" spans="1:7" x14ac:dyDescent="0.25">
      <c r="A183" s="10">
        <v>25</v>
      </c>
      <c r="B183" s="10">
        <v>18.14725</v>
      </c>
      <c r="C183" s="10">
        <v>17.99175</v>
      </c>
      <c r="D183" s="10">
        <v>18.015000000000001</v>
      </c>
      <c r="E183" s="10">
        <v>18.367750000000001</v>
      </c>
      <c r="F183" s="10">
        <v>17.18975</v>
      </c>
      <c r="G183" s="10">
        <v>17.93525</v>
      </c>
    </row>
    <row r="184" spans="1:7" x14ac:dyDescent="0.25">
      <c r="A184" s="10">
        <v>25.5</v>
      </c>
      <c r="B184" s="10">
        <v>17.951499999999999</v>
      </c>
      <c r="C184" s="10">
        <v>18.059249999999999</v>
      </c>
      <c r="D184" s="10">
        <v>17.892499999999998</v>
      </c>
      <c r="E184" s="10">
        <v>18.382000000000001</v>
      </c>
      <c r="F184" s="10">
        <v>17.16525</v>
      </c>
      <c r="G184" s="10">
        <v>17.896249999999998</v>
      </c>
    </row>
    <row r="185" spans="1:7" x14ac:dyDescent="0.25">
      <c r="A185" s="10">
        <v>26</v>
      </c>
      <c r="B185" s="10">
        <v>18.2715</v>
      </c>
      <c r="C185" s="10">
        <v>18.126999999999999</v>
      </c>
      <c r="D185" s="10">
        <v>17.784500000000001</v>
      </c>
      <c r="E185" s="10">
        <v>18.450749999999999</v>
      </c>
      <c r="F185" s="10">
        <v>17.281749999999999</v>
      </c>
      <c r="G185" s="10">
        <v>18.063749999999999</v>
      </c>
    </row>
    <row r="186" spans="1:7" x14ac:dyDescent="0.25">
      <c r="A186" s="10">
        <v>26.5</v>
      </c>
      <c r="B186" s="10">
        <v>17.90625</v>
      </c>
      <c r="C186" s="10">
        <v>18.049250000000001</v>
      </c>
      <c r="D186" s="10">
        <v>17.976749999999999</v>
      </c>
      <c r="E186" s="10">
        <v>18.50525</v>
      </c>
      <c r="F186" s="10">
        <v>17.16375</v>
      </c>
      <c r="G186" s="10">
        <v>18.077999999999999</v>
      </c>
    </row>
    <row r="187" spans="1:7" x14ac:dyDescent="0.25">
      <c r="A187" s="10">
        <v>27</v>
      </c>
      <c r="B187" s="10">
        <v>18.256250000000001</v>
      </c>
      <c r="C187" s="10">
        <v>18.087</v>
      </c>
      <c r="D187" s="10">
        <v>17.87275</v>
      </c>
      <c r="E187" s="10">
        <v>18.452999999999999</v>
      </c>
      <c r="F187" s="10">
        <v>17.282</v>
      </c>
      <c r="G187" s="10">
        <v>18.020250000000001</v>
      </c>
    </row>
    <row r="188" spans="1:7" x14ac:dyDescent="0.25">
      <c r="A188" s="10">
        <v>27.5</v>
      </c>
      <c r="B188" s="10">
        <v>18.042999999999999</v>
      </c>
      <c r="C188" s="10">
        <v>18.024249999999999</v>
      </c>
      <c r="D188" s="10">
        <v>17.78725</v>
      </c>
      <c r="E188" s="10">
        <v>18.61375</v>
      </c>
      <c r="F188" s="10">
        <v>17.345500000000001</v>
      </c>
      <c r="G188" s="10">
        <v>18.066749999999999</v>
      </c>
    </row>
    <row r="189" spans="1:7" x14ac:dyDescent="0.25">
      <c r="A189" s="10">
        <v>28</v>
      </c>
      <c r="B189" s="10">
        <v>18.122</v>
      </c>
      <c r="C189" s="10">
        <v>17.948</v>
      </c>
      <c r="D189" s="10">
        <v>17.889250000000001</v>
      </c>
      <c r="E189" s="10">
        <v>18.459</v>
      </c>
      <c r="F189" s="10">
        <v>17.274750000000001</v>
      </c>
      <c r="G189" s="10">
        <v>17.882000000000001</v>
      </c>
    </row>
    <row r="190" spans="1:7" x14ac:dyDescent="0.25">
      <c r="A190" s="10">
        <v>28.5</v>
      </c>
      <c r="B190" s="10">
        <v>18.264250000000001</v>
      </c>
      <c r="C190" s="10">
        <v>18.082750000000001</v>
      </c>
      <c r="D190" s="10">
        <v>17.888249999999999</v>
      </c>
      <c r="E190" s="10">
        <v>18.51925</v>
      </c>
      <c r="F190" s="10">
        <v>17.22775</v>
      </c>
      <c r="G190" s="10">
        <v>17.92775</v>
      </c>
    </row>
    <row r="191" spans="1:7" x14ac:dyDescent="0.25">
      <c r="A191" s="10">
        <v>29</v>
      </c>
      <c r="B191" s="10">
        <v>17.842500000000001</v>
      </c>
      <c r="C191" s="10">
        <v>18.053000000000001</v>
      </c>
      <c r="D191" s="10">
        <v>18.026</v>
      </c>
      <c r="E191" s="10">
        <v>18.602499999999999</v>
      </c>
      <c r="F191" s="10">
        <v>17.2605</v>
      </c>
      <c r="G191" s="10">
        <v>17.954000000000001</v>
      </c>
    </row>
    <row r="192" spans="1:7" x14ac:dyDescent="0.25">
      <c r="A192" s="10">
        <v>29.5</v>
      </c>
      <c r="B192" s="10">
        <v>18.206499999999998</v>
      </c>
      <c r="C192" s="10">
        <v>18.014250000000001</v>
      </c>
      <c r="D192" s="10">
        <v>17.906749999999999</v>
      </c>
      <c r="E192" s="10">
        <v>18.6555</v>
      </c>
      <c r="F192" s="10">
        <v>17.202500000000001</v>
      </c>
      <c r="G192" s="10">
        <v>17.968250000000001</v>
      </c>
    </row>
    <row r="193" spans="1:7" x14ac:dyDescent="0.25">
      <c r="A193" s="10">
        <v>30</v>
      </c>
      <c r="B193" s="10">
        <v>17.899750000000001</v>
      </c>
      <c r="C193" s="10">
        <v>18.11675</v>
      </c>
      <c r="D193" s="10">
        <v>17.860749999999999</v>
      </c>
      <c r="E193" s="10">
        <v>18.688749999999999</v>
      </c>
      <c r="F193" s="10">
        <v>17.329499999999999</v>
      </c>
      <c r="G193" s="10">
        <v>18.043500000000002</v>
      </c>
    </row>
    <row r="194" spans="1:7" x14ac:dyDescent="0.25">
      <c r="A194" s="10">
        <v>30.5</v>
      </c>
      <c r="B194" s="10">
        <v>18.084</v>
      </c>
      <c r="C194" s="10">
        <v>18.085249999999998</v>
      </c>
      <c r="D194" s="10">
        <v>17.966249999999999</v>
      </c>
      <c r="E194" s="10">
        <v>18.573</v>
      </c>
      <c r="F194" s="10">
        <v>17.285499999999999</v>
      </c>
      <c r="G194" s="10">
        <v>17.942499999999999</v>
      </c>
    </row>
    <row r="195" spans="1:7" x14ac:dyDescent="0.25">
      <c r="A195" s="10">
        <v>31</v>
      </c>
      <c r="B195" s="10">
        <v>18.1265</v>
      </c>
      <c r="C195" s="10">
        <v>18.0595</v>
      </c>
      <c r="D195" s="10">
        <v>17.916</v>
      </c>
      <c r="E195" s="10">
        <v>18.660499999999999</v>
      </c>
      <c r="F195" s="10">
        <v>17.283249999999999</v>
      </c>
      <c r="G195" s="10">
        <v>18.052</v>
      </c>
    </row>
    <row r="196" spans="1:7" x14ac:dyDescent="0.25">
      <c r="A196" s="10">
        <v>31.5</v>
      </c>
      <c r="B196" s="10">
        <v>18.47025</v>
      </c>
      <c r="C196" s="10">
        <v>17.931999999999999</v>
      </c>
      <c r="D196" s="10">
        <v>18.024249999999999</v>
      </c>
      <c r="E196" s="10">
        <v>18.515499999999999</v>
      </c>
      <c r="F196" s="10">
        <v>17.268750000000001</v>
      </c>
      <c r="G196" s="10">
        <v>18.02225</v>
      </c>
    </row>
    <row r="197" spans="1:7" x14ac:dyDescent="0.25">
      <c r="A197" s="10">
        <v>32</v>
      </c>
      <c r="B197" s="10">
        <v>18.137499999999999</v>
      </c>
      <c r="C197" s="10">
        <v>18.00225</v>
      </c>
      <c r="D197" s="10">
        <v>17.93675</v>
      </c>
      <c r="E197" s="10">
        <v>18.629000000000001</v>
      </c>
      <c r="F197" s="10">
        <v>17.329000000000001</v>
      </c>
      <c r="G197" s="10">
        <v>18.018249999999998</v>
      </c>
    </row>
    <row r="198" spans="1:7" x14ac:dyDescent="0.25">
      <c r="A198" s="10">
        <v>32.5</v>
      </c>
      <c r="B198" s="10">
        <v>18.259499999999999</v>
      </c>
      <c r="C198" s="10">
        <v>18.23075</v>
      </c>
      <c r="D198" s="10">
        <v>17.833749999999998</v>
      </c>
      <c r="E198" s="10">
        <v>18.6355</v>
      </c>
      <c r="F198" s="10">
        <v>17.350000000000001</v>
      </c>
      <c r="G198" s="10">
        <v>18.09675</v>
      </c>
    </row>
    <row r="199" spans="1:7" x14ac:dyDescent="0.25">
      <c r="A199" s="10">
        <v>33</v>
      </c>
      <c r="B199" s="10">
        <v>18.268750000000001</v>
      </c>
      <c r="C199" s="10">
        <v>18.168749999999999</v>
      </c>
      <c r="D199" s="10">
        <v>18.04</v>
      </c>
      <c r="E199" s="10">
        <v>18.474499999999999</v>
      </c>
      <c r="F199" s="10">
        <v>17.297499999999999</v>
      </c>
      <c r="G199" s="10">
        <v>18.058250000000001</v>
      </c>
    </row>
    <row r="200" spans="1:7" x14ac:dyDescent="0.25">
      <c r="A200" s="10">
        <v>33.5</v>
      </c>
      <c r="B200" s="10">
        <v>18.391500000000001</v>
      </c>
      <c r="C200" s="10">
        <v>18.2775</v>
      </c>
      <c r="D200" s="10">
        <v>17.963000000000001</v>
      </c>
      <c r="E200" s="10">
        <v>18.606249999999999</v>
      </c>
      <c r="F200" s="10">
        <v>17.184000000000001</v>
      </c>
      <c r="G200" s="10">
        <v>17.945499999999999</v>
      </c>
    </row>
    <row r="201" spans="1:7" x14ac:dyDescent="0.25">
      <c r="A201" s="10">
        <v>34</v>
      </c>
      <c r="B201" s="10">
        <v>18.542000000000002</v>
      </c>
      <c r="C201" s="10">
        <v>18.234749999999998</v>
      </c>
      <c r="D201" s="10">
        <v>17.9085</v>
      </c>
      <c r="E201" s="10">
        <v>18.650500000000001</v>
      </c>
      <c r="F201" s="10">
        <v>17.37725</v>
      </c>
      <c r="G201" s="10">
        <v>18.195250000000001</v>
      </c>
    </row>
    <row r="202" spans="1:7" x14ac:dyDescent="0.25">
      <c r="A202" s="10">
        <v>34.5</v>
      </c>
      <c r="B202" s="10">
        <v>18.804500000000001</v>
      </c>
      <c r="C202" s="10">
        <v>18.141749999999998</v>
      </c>
      <c r="D202" s="10">
        <v>18.0945</v>
      </c>
      <c r="E202" s="10">
        <v>18.516249999999999</v>
      </c>
      <c r="F202" s="10">
        <v>17.370249999999999</v>
      </c>
      <c r="G202" s="10">
        <v>17.96725</v>
      </c>
    </row>
    <row r="203" spans="1:7" x14ac:dyDescent="0.25">
      <c r="A203" s="10">
        <v>35</v>
      </c>
      <c r="B203" s="10">
        <v>19.254249999999999</v>
      </c>
      <c r="C203" s="10">
        <v>18.263249999999999</v>
      </c>
      <c r="D203" s="10">
        <v>17.997250000000001</v>
      </c>
      <c r="E203" s="10">
        <v>18.5045</v>
      </c>
      <c r="F203" s="10">
        <v>17.288250000000001</v>
      </c>
      <c r="G203" s="10">
        <v>17.978750000000002</v>
      </c>
    </row>
    <row r="204" spans="1:7" x14ac:dyDescent="0.25">
      <c r="A204" s="10">
        <v>35.5</v>
      </c>
      <c r="B204" s="10">
        <v>20.009499999999999</v>
      </c>
      <c r="C204" s="10">
        <v>18.33475</v>
      </c>
      <c r="D204" s="10">
        <v>18.204249999999998</v>
      </c>
      <c r="E204" s="10">
        <v>18.780999999999999</v>
      </c>
      <c r="F204" s="10">
        <v>17.3445</v>
      </c>
      <c r="G204" s="10">
        <v>18.0855</v>
      </c>
    </row>
    <row r="205" spans="1:7" x14ac:dyDescent="0.25">
      <c r="A205" s="10">
        <v>36</v>
      </c>
      <c r="B205" s="10">
        <v>21.877500000000001</v>
      </c>
      <c r="C205" s="10">
        <v>18.420249999999999</v>
      </c>
      <c r="D205" s="10">
        <v>18.183250000000001</v>
      </c>
      <c r="E205" s="10">
        <v>18.697500000000002</v>
      </c>
      <c r="F205" s="10">
        <v>17.352250000000002</v>
      </c>
      <c r="G205" s="10">
        <v>17.9815</v>
      </c>
    </row>
    <row r="206" spans="1:7" x14ac:dyDescent="0.25">
      <c r="A206" s="10">
        <v>36.5</v>
      </c>
      <c r="B206" s="10">
        <v>25.248750000000001</v>
      </c>
      <c r="C206" s="10">
        <v>18.97625</v>
      </c>
      <c r="D206" s="10">
        <v>18.297999999999998</v>
      </c>
      <c r="E206" s="10">
        <v>18.82525</v>
      </c>
      <c r="F206" s="10">
        <v>17.38775</v>
      </c>
      <c r="G206" s="10">
        <v>18.03725</v>
      </c>
    </row>
    <row r="207" spans="1:7" x14ac:dyDescent="0.25">
      <c r="A207" s="10">
        <v>37</v>
      </c>
      <c r="B207" s="10">
        <v>30.835999999999999</v>
      </c>
      <c r="C207" s="10">
        <v>19.539750000000002</v>
      </c>
      <c r="D207" s="10">
        <v>18.4285</v>
      </c>
      <c r="E207" s="10">
        <v>18.84675</v>
      </c>
      <c r="F207" s="10">
        <v>17.315999999999999</v>
      </c>
      <c r="G207" s="10">
        <v>18.078749999999999</v>
      </c>
    </row>
    <row r="208" spans="1:7" x14ac:dyDescent="0.25">
      <c r="A208" s="10">
        <v>37.5</v>
      </c>
      <c r="B208" s="10">
        <v>38.717750000000002</v>
      </c>
      <c r="C208" s="10">
        <v>20.121500000000001</v>
      </c>
      <c r="D208" s="10">
        <v>18.600750000000001</v>
      </c>
      <c r="E208" s="10">
        <v>18.763999999999999</v>
      </c>
      <c r="F208" s="10">
        <v>17.482749999999999</v>
      </c>
      <c r="G208" s="10">
        <v>18.0505</v>
      </c>
    </row>
    <row r="209" spans="1:7" x14ac:dyDescent="0.25">
      <c r="A209" s="10">
        <v>38</v>
      </c>
      <c r="B209" s="10">
        <v>49.786999999999999</v>
      </c>
      <c r="C209" s="10">
        <v>21.636500000000002</v>
      </c>
      <c r="D209" s="10">
        <v>18.801500000000001</v>
      </c>
      <c r="E209" s="10">
        <v>18.929749999999999</v>
      </c>
      <c r="F209" s="10">
        <v>17.44575</v>
      </c>
      <c r="G209" s="10">
        <v>18.234749999999998</v>
      </c>
    </row>
    <row r="210" spans="1:7" x14ac:dyDescent="0.25">
      <c r="A210" s="10">
        <v>38.5</v>
      </c>
      <c r="B210" s="10">
        <v>62.314999999999998</v>
      </c>
      <c r="C210" s="10">
        <v>23.54325</v>
      </c>
      <c r="D210" s="10">
        <v>19.149999999999999</v>
      </c>
      <c r="E210" s="10">
        <v>18.901</v>
      </c>
      <c r="F210" s="10">
        <v>17.42775</v>
      </c>
      <c r="G210" s="10">
        <v>18.06175</v>
      </c>
    </row>
    <row r="211" spans="1:7" x14ac:dyDescent="0.25">
      <c r="A211" s="10">
        <v>39</v>
      </c>
      <c r="B211" s="10">
        <v>76.569249999999997</v>
      </c>
      <c r="C211" s="10">
        <v>26.237749999999998</v>
      </c>
      <c r="D211" s="10">
        <v>19.583749999999998</v>
      </c>
      <c r="E211" s="10">
        <v>19.085750000000001</v>
      </c>
      <c r="F211" s="10">
        <v>17.52075</v>
      </c>
      <c r="G211" s="10">
        <v>18.268000000000001</v>
      </c>
    </row>
    <row r="212" spans="1:7" x14ac:dyDescent="0.25">
      <c r="A212" s="10">
        <v>39.5</v>
      </c>
      <c r="B212" s="10">
        <v>91.155500000000004</v>
      </c>
      <c r="C212" s="10">
        <v>29.34075</v>
      </c>
      <c r="D212" s="10">
        <v>19.998750000000001</v>
      </c>
      <c r="E212" s="10">
        <v>19.249500000000001</v>
      </c>
      <c r="F212" s="10">
        <v>17.49775</v>
      </c>
      <c r="G212" s="10">
        <v>18.013249999999999</v>
      </c>
    </row>
    <row r="213" spans="1:7" x14ac:dyDescent="0.25">
      <c r="A213" s="10">
        <v>40</v>
      </c>
      <c r="B213" s="10">
        <v>106.3758</v>
      </c>
      <c r="C213" s="10">
        <v>33.220999999999997</v>
      </c>
      <c r="D213" s="10">
        <v>20.8215</v>
      </c>
      <c r="E213" s="10">
        <v>19.301749999999998</v>
      </c>
      <c r="F213" s="10">
        <v>17.63475</v>
      </c>
      <c r="G213" s="10">
        <v>18.1785</v>
      </c>
    </row>
    <row r="214" spans="1:7" x14ac:dyDescent="0.25">
      <c r="A214" s="10">
        <v>40.5</v>
      </c>
      <c r="B214" s="10">
        <v>121.2375</v>
      </c>
      <c r="C214" s="10">
        <v>37.521500000000003</v>
      </c>
      <c r="D214" s="10">
        <v>21.672999999999998</v>
      </c>
      <c r="E214" s="10">
        <v>19.664999999999999</v>
      </c>
      <c r="F214" s="10">
        <v>17.64575</v>
      </c>
      <c r="G214" s="10">
        <v>18.204499999999999</v>
      </c>
    </row>
    <row r="215" spans="1:7" x14ac:dyDescent="0.25">
      <c r="A215" s="10">
        <v>41</v>
      </c>
      <c r="B215" s="10">
        <v>135.285</v>
      </c>
      <c r="C215" s="10">
        <v>42.317749999999997</v>
      </c>
      <c r="D215" s="10">
        <v>22.787749999999999</v>
      </c>
      <c r="E215" s="10">
        <v>19.886500000000002</v>
      </c>
      <c r="F215" s="10">
        <v>17.631</v>
      </c>
      <c r="G215" s="10">
        <v>18.17925</v>
      </c>
    </row>
    <row r="216" spans="1:7" x14ac:dyDescent="0.25">
      <c r="A216" s="10">
        <v>41.5</v>
      </c>
      <c r="B216" s="10">
        <v>149.15</v>
      </c>
      <c r="C216" s="10">
        <v>47.518749999999997</v>
      </c>
      <c r="D216" s="10">
        <v>24.117249999999999</v>
      </c>
      <c r="E216" s="10">
        <v>20.03875</v>
      </c>
      <c r="F216" s="10">
        <v>17.756499999999999</v>
      </c>
      <c r="G216" s="10">
        <v>18.109000000000002</v>
      </c>
    </row>
    <row r="217" spans="1:7" x14ac:dyDescent="0.25">
      <c r="A217" s="10">
        <v>42</v>
      </c>
      <c r="B217" s="10">
        <v>162.05500000000001</v>
      </c>
      <c r="C217" s="10">
        <v>52.775500000000001</v>
      </c>
      <c r="D217" s="10">
        <v>25.562750000000001</v>
      </c>
      <c r="E217" s="10">
        <v>20.4405</v>
      </c>
      <c r="F217" s="10">
        <v>17.746500000000001</v>
      </c>
      <c r="G217" s="10">
        <v>18.140999999999998</v>
      </c>
    </row>
    <row r="218" spans="1:7" x14ac:dyDescent="0.25">
      <c r="A218" s="10">
        <v>42.5</v>
      </c>
      <c r="B218" s="10">
        <v>174.3475</v>
      </c>
      <c r="C218" s="10">
        <v>58.387749999999997</v>
      </c>
      <c r="D218" s="10">
        <v>27.180250000000001</v>
      </c>
      <c r="E218" s="10">
        <v>20.796250000000001</v>
      </c>
      <c r="F218" s="10">
        <v>17.888500000000001</v>
      </c>
      <c r="G218" s="10">
        <v>18.216750000000001</v>
      </c>
    </row>
    <row r="219" spans="1:7" x14ac:dyDescent="0.25">
      <c r="A219" s="10">
        <v>43</v>
      </c>
      <c r="B219" s="10">
        <v>185.8175</v>
      </c>
      <c r="C219" s="10">
        <v>64.186000000000007</v>
      </c>
      <c r="D219" s="10">
        <v>29.0975</v>
      </c>
      <c r="E219" s="10">
        <v>21.33925</v>
      </c>
      <c r="F219" s="10">
        <v>18.02675</v>
      </c>
      <c r="G219" s="10">
        <v>18.164999999999999</v>
      </c>
    </row>
    <row r="220" spans="1:7" x14ac:dyDescent="0.25">
      <c r="A220" s="10">
        <v>43.5</v>
      </c>
      <c r="B220" s="10">
        <v>196.64250000000001</v>
      </c>
      <c r="C220" s="10">
        <v>69.939250000000001</v>
      </c>
      <c r="D220" s="10">
        <v>31.18375</v>
      </c>
      <c r="E220" s="10">
        <v>21.89725</v>
      </c>
      <c r="F220" s="10">
        <v>18.181249999999999</v>
      </c>
      <c r="G220" s="10">
        <v>18.250250000000001</v>
      </c>
    </row>
    <row r="221" spans="1:7" x14ac:dyDescent="0.25">
      <c r="A221" s="10">
        <v>44</v>
      </c>
      <c r="B221" s="10">
        <v>206.66499999999999</v>
      </c>
      <c r="C221" s="10">
        <v>75.852000000000004</v>
      </c>
      <c r="D221" s="10">
        <v>33.204000000000001</v>
      </c>
      <c r="E221" s="10">
        <v>22.488250000000001</v>
      </c>
      <c r="F221" s="10">
        <v>18.353999999999999</v>
      </c>
      <c r="G221" s="10">
        <v>18.214749999999999</v>
      </c>
    </row>
    <row r="222" spans="1:7" x14ac:dyDescent="0.25">
      <c r="A222" s="10">
        <v>44.5</v>
      </c>
      <c r="B222" s="10">
        <v>215.83</v>
      </c>
      <c r="C222" s="10">
        <v>81.459500000000006</v>
      </c>
      <c r="D222" s="10">
        <v>35.516249999999999</v>
      </c>
      <c r="E222" s="10">
        <v>23.224</v>
      </c>
      <c r="F222" s="10">
        <v>18.562000000000001</v>
      </c>
      <c r="G222" s="10">
        <v>18.314499999999999</v>
      </c>
    </row>
    <row r="223" spans="1:7" x14ac:dyDescent="0.25">
      <c r="A223" s="10">
        <v>45</v>
      </c>
      <c r="B223" s="10">
        <v>224.23500000000001</v>
      </c>
      <c r="C223" s="10">
        <v>87.173249999999996</v>
      </c>
      <c r="D223" s="10">
        <v>38.015000000000001</v>
      </c>
      <c r="E223" s="10">
        <v>23.992999999999999</v>
      </c>
      <c r="F223" s="10">
        <v>18.871749999999999</v>
      </c>
      <c r="G223" s="10">
        <v>18.350999999999999</v>
      </c>
    </row>
    <row r="224" spans="1:7" x14ac:dyDescent="0.25">
      <c r="A224" s="10">
        <v>45.5</v>
      </c>
      <c r="B224" s="10">
        <v>232.25</v>
      </c>
      <c r="C224" s="10">
        <v>92.574250000000006</v>
      </c>
      <c r="D224" s="10">
        <v>40.482750000000003</v>
      </c>
      <c r="E224" s="10">
        <v>24.942499999999999</v>
      </c>
      <c r="F224" s="10">
        <v>18.975999999999999</v>
      </c>
      <c r="G224" s="10">
        <v>18.4925</v>
      </c>
    </row>
    <row r="225" spans="1:7" x14ac:dyDescent="0.25">
      <c r="A225" s="10">
        <v>46</v>
      </c>
      <c r="B225" s="10">
        <v>239.27500000000001</v>
      </c>
      <c r="C225" s="10">
        <v>98.333749999999995</v>
      </c>
      <c r="D225" s="10">
        <v>43.137999999999998</v>
      </c>
      <c r="E225" s="10">
        <v>25.894500000000001</v>
      </c>
      <c r="F225" s="10">
        <v>19.368500000000001</v>
      </c>
      <c r="G225" s="10">
        <v>18.293500000000002</v>
      </c>
    </row>
    <row r="226" spans="1:7" x14ac:dyDescent="0.25">
      <c r="A226" s="10">
        <v>46.5</v>
      </c>
      <c r="B226" s="10">
        <v>245.61750000000001</v>
      </c>
      <c r="C226" s="10">
        <v>103.2235</v>
      </c>
      <c r="D226" s="10">
        <v>45.65925</v>
      </c>
      <c r="E226" s="10">
        <v>26.877500000000001</v>
      </c>
      <c r="F226" s="10">
        <v>19.705500000000001</v>
      </c>
      <c r="G226" s="10">
        <v>18.415749999999999</v>
      </c>
    </row>
    <row r="227" spans="1:7" x14ac:dyDescent="0.25">
      <c r="A227" s="10">
        <v>47</v>
      </c>
      <c r="B227" s="10">
        <v>251.38749999999999</v>
      </c>
      <c r="C227" s="10">
        <v>108.51</v>
      </c>
      <c r="D227" s="10">
        <v>48.3795</v>
      </c>
      <c r="E227" s="10">
        <v>28.110250000000001</v>
      </c>
      <c r="F227" s="10">
        <v>19.944500000000001</v>
      </c>
      <c r="G227" s="10">
        <v>18.33475</v>
      </c>
    </row>
    <row r="228" spans="1:7" x14ac:dyDescent="0.25">
      <c r="A228" s="10">
        <v>47.5</v>
      </c>
      <c r="B228" s="10">
        <v>256.58999999999997</v>
      </c>
      <c r="C228" s="10">
        <v>113.47750000000001</v>
      </c>
      <c r="D228" s="10">
        <v>51.181750000000001</v>
      </c>
      <c r="E228" s="10">
        <v>29.23725</v>
      </c>
      <c r="F228" s="10">
        <v>20.390750000000001</v>
      </c>
      <c r="G228" s="10">
        <v>18.421500000000002</v>
      </c>
    </row>
    <row r="229" spans="1:7" x14ac:dyDescent="0.25">
      <c r="A229" s="10">
        <v>48</v>
      </c>
      <c r="B229" s="10">
        <v>261.1225</v>
      </c>
      <c r="C229" s="10">
        <v>118.2675</v>
      </c>
      <c r="D229" s="10">
        <v>53.860250000000001</v>
      </c>
      <c r="E229" s="10">
        <v>30.38025</v>
      </c>
      <c r="F229" s="10">
        <v>20.841000000000001</v>
      </c>
      <c r="G229" s="10">
        <v>18.56175</v>
      </c>
    </row>
    <row r="230" spans="1:7" x14ac:dyDescent="0.25">
      <c r="A230" s="10">
        <v>48.5</v>
      </c>
      <c r="B230" s="10">
        <v>265.38499999999999</v>
      </c>
      <c r="C230" s="10">
        <v>122.77</v>
      </c>
      <c r="D230" s="10">
        <v>56.704250000000002</v>
      </c>
      <c r="E230" s="10">
        <v>31.66</v>
      </c>
      <c r="F230" s="10">
        <v>21.179749999999999</v>
      </c>
      <c r="G230" s="10">
        <v>18.598749999999999</v>
      </c>
    </row>
    <row r="231" spans="1:7" x14ac:dyDescent="0.25">
      <c r="A231" s="10">
        <v>49</v>
      </c>
      <c r="B231" s="10">
        <v>269.00749999999999</v>
      </c>
      <c r="C231" s="10">
        <v>127.1525</v>
      </c>
      <c r="D231" s="10">
        <v>59.362499999999997</v>
      </c>
      <c r="E231" s="10">
        <v>32.776249999999997</v>
      </c>
      <c r="F231" s="10">
        <v>21.765000000000001</v>
      </c>
      <c r="G231" s="10">
        <v>18.723749999999999</v>
      </c>
    </row>
    <row r="232" spans="1:7" x14ac:dyDescent="0.25">
      <c r="A232" s="10">
        <v>49.5</v>
      </c>
      <c r="B232" s="10">
        <v>272.14749999999998</v>
      </c>
      <c r="C232" s="10">
        <v>131.20249999999999</v>
      </c>
      <c r="D232" s="10">
        <v>61.977249999999998</v>
      </c>
      <c r="E232" s="10">
        <v>34.218000000000004</v>
      </c>
      <c r="F232" s="10">
        <v>22.235250000000001</v>
      </c>
      <c r="G232" s="10">
        <v>18.706499999999998</v>
      </c>
    </row>
    <row r="233" spans="1:7" x14ac:dyDescent="0.25">
      <c r="A233" s="10">
        <v>50</v>
      </c>
      <c r="B233" s="10">
        <v>274.79000000000002</v>
      </c>
      <c r="C233" s="10">
        <v>135.33500000000001</v>
      </c>
      <c r="D233" s="10">
        <v>64.798000000000002</v>
      </c>
      <c r="E233" s="10">
        <v>35.471499999999999</v>
      </c>
      <c r="F233" s="10">
        <v>22.795000000000002</v>
      </c>
      <c r="G233" s="10">
        <v>18.798999999999999</v>
      </c>
    </row>
    <row r="234" spans="1:7" x14ac:dyDescent="0.25">
      <c r="A234" s="10">
        <v>50.5</v>
      </c>
      <c r="B234" s="10">
        <v>277.27499999999998</v>
      </c>
      <c r="C234" s="10">
        <v>139.11250000000001</v>
      </c>
      <c r="D234" s="10">
        <v>67.403499999999994</v>
      </c>
      <c r="E234" s="10">
        <v>36.90325</v>
      </c>
      <c r="F234" s="10">
        <v>23.393249999999998</v>
      </c>
      <c r="G234" s="10">
        <v>18.86225</v>
      </c>
    </row>
    <row r="235" spans="1:7" x14ac:dyDescent="0.25">
      <c r="A235" s="10">
        <v>51</v>
      </c>
      <c r="B235" s="10">
        <v>279.27499999999998</v>
      </c>
      <c r="C235" s="10">
        <v>142.53749999999999</v>
      </c>
      <c r="D235" s="10">
        <v>70.113249999999994</v>
      </c>
      <c r="E235" s="10">
        <v>38.415500000000002</v>
      </c>
      <c r="F235" s="10">
        <v>23.917999999999999</v>
      </c>
      <c r="G235" s="10">
        <v>18.713249999999999</v>
      </c>
    </row>
    <row r="236" spans="1:7" x14ac:dyDescent="0.25">
      <c r="A236" s="10">
        <v>51.5</v>
      </c>
      <c r="B236" s="10">
        <v>280.97000000000003</v>
      </c>
      <c r="C236" s="10">
        <v>145.86750000000001</v>
      </c>
      <c r="D236" s="10">
        <v>72.634</v>
      </c>
      <c r="E236" s="10">
        <v>39.636000000000003</v>
      </c>
      <c r="F236" s="10">
        <v>24.55425</v>
      </c>
      <c r="G236" s="10">
        <v>18.934999999999999</v>
      </c>
    </row>
    <row r="237" spans="1:7" x14ac:dyDescent="0.25">
      <c r="A237" s="10">
        <v>52</v>
      </c>
      <c r="B237" s="10">
        <v>282.39749999999998</v>
      </c>
      <c r="C237" s="10">
        <v>149.11000000000001</v>
      </c>
      <c r="D237" s="10">
        <v>75.187250000000006</v>
      </c>
      <c r="E237" s="10">
        <v>41.290500000000002</v>
      </c>
      <c r="F237" s="10">
        <v>25.237500000000001</v>
      </c>
      <c r="G237" s="10">
        <v>19.252500000000001</v>
      </c>
    </row>
    <row r="238" spans="1:7" x14ac:dyDescent="0.25">
      <c r="A238" s="10">
        <v>52.5</v>
      </c>
      <c r="B238" s="10">
        <v>283.77999999999997</v>
      </c>
      <c r="C238" s="10">
        <v>151.89750000000001</v>
      </c>
      <c r="D238" s="10">
        <v>77.618499999999997</v>
      </c>
      <c r="E238" s="10">
        <v>42.600499999999997</v>
      </c>
      <c r="F238" s="10">
        <v>25.895</v>
      </c>
      <c r="G238" s="10">
        <v>19.313749999999999</v>
      </c>
    </row>
    <row r="239" spans="1:7" x14ac:dyDescent="0.25">
      <c r="A239" s="10">
        <v>53</v>
      </c>
      <c r="B239" s="10">
        <v>284.77499999999998</v>
      </c>
      <c r="C239" s="10">
        <v>154.88749999999999</v>
      </c>
      <c r="D239" s="10">
        <v>80.144750000000002</v>
      </c>
      <c r="E239" s="10">
        <v>44.22625</v>
      </c>
      <c r="F239" s="10">
        <v>26.63475</v>
      </c>
      <c r="G239" s="10">
        <v>19.383500000000002</v>
      </c>
    </row>
    <row r="240" spans="1:7" x14ac:dyDescent="0.25">
      <c r="A240" s="10">
        <v>53.5</v>
      </c>
      <c r="B240" s="10">
        <v>285.69749999999999</v>
      </c>
      <c r="C240" s="10">
        <v>157.55250000000001</v>
      </c>
      <c r="D240" s="10">
        <v>82.49</v>
      </c>
      <c r="E240" s="10">
        <v>45.424750000000003</v>
      </c>
      <c r="F240" s="10">
        <v>27.27975</v>
      </c>
      <c r="G240" s="10">
        <v>19.484500000000001</v>
      </c>
    </row>
    <row r="241" spans="1:7" x14ac:dyDescent="0.25">
      <c r="A241" s="10">
        <v>54</v>
      </c>
      <c r="B241" s="10">
        <v>286.58499999999998</v>
      </c>
      <c r="C241" s="10">
        <v>159.92750000000001</v>
      </c>
      <c r="D241" s="10">
        <v>84.795749999999998</v>
      </c>
      <c r="E241" s="10">
        <v>47.049250000000001</v>
      </c>
      <c r="F241" s="10">
        <v>28.0595</v>
      </c>
      <c r="G241" s="10">
        <v>19.66375</v>
      </c>
    </row>
    <row r="242" spans="1:7" x14ac:dyDescent="0.25">
      <c r="A242" s="10">
        <v>54.5</v>
      </c>
      <c r="B242" s="10">
        <v>287.26749999999998</v>
      </c>
      <c r="C242" s="10">
        <v>162.285</v>
      </c>
      <c r="D242" s="10">
        <v>87.079250000000002</v>
      </c>
      <c r="E242" s="10">
        <v>48.414749999999998</v>
      </c>
      <c r="F242" s="10">
        <v>28.905249999999999</v>
      </c>
      <c r="G242" s="10">
        <v>19.74925</v>
      </c>
    </row>
    <row r="243" spans="1:7" x14ac:dyDescent="0.25">
      <c r="A243" s="10">
        <v>55</v>
      </c>
      <c r="B243" s="10">
        <v>287.83749999999998</v>
      </c>
      <c r="C243" s="10">
        <v>164.4325</v>
      </c>
      <c r="D243" s="10">
        <v>89.213750000000005</v>
      </c>
      <c r="E243" s="10">
        <v>50.208500000000001</v>
      </c>
      <c r="F243" s="10">
        <v>29.52675</v>
      </c>
      <c r="G243" s="10">
        <v>19.968</v>
      </c>
    </row>
    <row r="244" spans="1:7" x14ac:dyDescent="0.25">
      <c r="A244" s="10">
        <v>55.5</v>
      </c>
      <c r="B244" s="10">
        <v>288.005</v>
      </c>
      <c r="C244" s="10">
        <v>166.77500000000001</v>
      </c>
      <c r="D244" s="10">
        <v>91.337249999999997</v>
      </c>
      <c r="E244" s="10">
        <v>51.185499999999998</v>
      </c>
      <c r="F244" s="10">
        <v>30.42475</v>
      </c>
      <c r="G244" s="10">
        <v>20.222999999999999</v>
      </c>
    </row>
    <row r="245" spans="1:7" x14ac:dyDescent="0.25">
      <c r="A245" s="10">
        <v>56</v>
      </c>
      <c r="B245" s="10">
        <v>288.34750000000003</v>
      </c>
      <c r="C245" s="10">
        <v>168.5925</v>
      </c>
      <c r="D245" s="10">
        <v>93.438749999999999</v>
      </c>
      <c r="E245" s="10">
        <v>52.848999999999997</v>
      </c>
      <c r="F245" s="10">
        <v>31.09375</v>
      </c>
      <c r="G245" s="10">
        <v>20.225750000000001</v>
      </c>
    </row>
    <row r="246" spans="1:7" x14ac:dyDescent="0.25">
      <c r="A246" s="10">
        <v>56.5</v>
      </c>
      <c r="B246" s="10">
        <v>288.62</v>
      </c>
      <c r="C246" s="10">
        <v>170.565</v>
      </c>
      <c r="D246" s="10">
        <v>95.411249999999995</v>
      </c>
      <c r="E246" s="10">
        <v>54.97025</v>
      </c>
      <c r="F246" s="10">
        <v>31.965499999999999</v>
      </c>
      <c r="G246" s="10">
        <v>20.4785</v>
      </c>
    </row>
    <row r="247" spans="1:7" x14ac:dyDescent="0.25">
      <c r="A247" s="10">
        <v>57</v>
      </c>
      <c r="B247" s="10">
        <v>288.59750000000003</v>
      </c>
      <c r="C247" s="10">
        <v>172.1575</v>
      </c>
      <c r="D247" s="10">
        <v>97.298249999999996</v>
      </c>
      <c r="E247" s="10">
        <v>55.274250000000002</v>
      </c>
      <c r="F247" s="10">
        <v>32.812249999999999</v>
      </c>
      <c r="G247" s="10">
        <v>20.468</v>
      </c>
    </row>
    <row r="248" spans="1:7" x14ac:dyDescent="0.25">
      <c r="A248" s="10">
        <v>57.5</v>
      </c>
      <c r="B248" s="10">
        <v>288.58499999999998</v>
      </c>
      <c r="C248" s="10">
        <v>173.9375</v>
      </c>
      <c r="D248" s="10">
        <v>99.135999999999996</v>
      </c>
      <c r="E248" s="10">
        <v>56.719250000000002</v>
      </c>
      <c r="F248" s="10">
        <v>33.546750000000003</v>
      </c>
      <c r="G248" s="10">
        <v>20.812249999999999</v>
      </c>
    </row>
    <row r="249" spans="1:7" x14ac:dyDescent="0.25">
      <c r="A249" s="10">
        <v>58</v>
      </c>
      <c r="B249" s="10">
        <v>288.40249999999997</v>
      </c>
      <c r="C249" s="10">
        <v>175.375</v>
      </c>
      <c r="D249" s="10">
        <v>101.042</v>
      </c>
      <c r="E249" s="10">
        <v>58.961750000000002</v>
      </c>
      <c r="F249" s="10">
        <v>34.457250000000002</v>
      </c>
      <c r="G249" s="10">
        <v>21.050750000000001</v>
      </c>
    </row>
    <row r="250" spans="1:7" x14ac:dyDescent="0.25">
      <c r="A250" s="10">
        <v>58.5</v>
      </c>
      <c r="B250" s="10">
        <v>288.16750000000002</v>
      </c>
      <c r="C250" s="10">
        <v>176.92250000000001</v>
      </c>
      <c r="D250" s="10">
        <v>102.8043</v>
      </c>
      <c r="E250" s="10">
        <v>59.784500000000001</v>
      </c>
      <c r="F250" s="10">
        <v>35.27525</v>
      </c>
      <c r="G250" s="10">
        <v>21.15925</v>
      </c>
    </row>
    <row r="251" spans="1:7" x14ac:dyDescent="0.25">
      <c r="A251" s="10">
        <v>59</v>
      </c>
      <c r="B251" s="10">
        <v>287.755</v>
      </c>
      <c r="C251" s="10">
        <v>178.16</v>
      </c>
      <c r="D251" s="10">
        <v>104.505</v>
      </c>
      <c r="E251" s="10">
        <v>60.916499999999999</v>
      </c>
      <c r="F251" s="10">
        <v>35.950499999999998</v>
      </c>
      <c r="G251" s="10">
        <v>21.30125</v>
      </c>
    </row>
    <row r="252" spans="1:7" x14ac:dyDescent="0.25">
      <c r="A252" s="10">
        <v>59.5</v>
      </c>
      <c r="B252" s="10">
        <v>287.38749999999999</v>
      </c>
      <c r="C252" s="10">
        <v>179.41499999999999</v>
      </c>
      <c r="D252" s="10">
        <v>106.08750000000001</v>
      </c>
      <c r="E252" s="10">
        <v>62.636249999999997</v>
      </c>
      <c r="F252" s="10">
        <v>36.916249999999998</v>
      </c>
      <c r="G252" s="10">
        <v>21.565999999999999</v>
      </c>
    </row>
    <row r="253" spans="1:7" x14ac:dyDescent="0.25">
      <c r="A253" s="10">
        <v>60</v>
      </c>
      <c r="B253" s="10">
        <v>286.80500000000001</v>
      </c>
      <c r="C253" s="10">
        <v>180.47749999999999</v>
      </c>
      <c r="D253" s="10">
        <v>107.72750000000001</v>
      </c>
      <c r="E253" s="10">
        <v>63.653750000000002</v>
      </c>
      <c r="F253" s="10">
        <v>37.521000000000001</v>
      </c>
      <c r="G253" s="10">
        <v>21.771249999999998</v>
      </c>
    </row>
    <row r="254" spans="1:7" x14ac:dyDescent="0.25">
      <c r="A254" s="10">
        <v>60.5</v>
      </c>
      <c r="B254" s="10">
        <v>286.13749999999999</v>
      </c>
      <c r="C254" s="10">
        <v>181.61</v>
      </c>
      <c r="D254" s="10">
        <v>109.1925</v>
      </c>
      <c r="E254" s="10">
        <v>65.066999999999993</v>
      </c>
      <c r="F254" s="10">
        <v>38.497750000000003</v>
      </c>
      <c r="G254" s="10">
        <v>22.095500000000001</v>
      </c>
    </row>
    <row r="255" spans="1:7" x14ac:dyDescent="0.25">
      <c r="A255" s="10">
        <v>61</v>
      </c>
      <c r="B255" s="10">
        <v>285.39</v>
      </c>
      <c r="C255" s="10">
        <v>182.55500000000001</v>
      </c>
      <c r="D255" s="10">
        <v>110.66249999999999</v>
      </c>
      <c r="E255" s="10">
        <v>66.416250000000005</v>
      </c>
      <c r="F255" s="10">
        <v>39.369500000000002</v>
      </c>
      <c r="G255" s="10">
        <v>22.252500000000001</v>
      </c>
    </row>
    <row r="256" spans="1:7" x14ac:dyDescent="0.25">
      <c r="A256" s="10">
        <v>61.5</v>
      </c>
      <c r="B256" s="10">
        <v>284.45499999999998</v>
      </c>
      <c r="C256" s="10">
        <v>183.46</v>
      </c>
      <c r="D256" s="10">
        <v>112.02500000000001</v>
      </c>
      <c r="E256" s="10">
        <v>67.421499999999995</v>
      </c>
      <c r="F256" s="10">
        <v>40.22325</v>
      </c>
      <c r="G256" s="10">
        <v>22.490500000000001</v>
      </c>
    </row>
    <row r="257" spans="1:7" x14ac:dyDescent="0.25">
      <c r="A257" s="10">
        <v>62</v>
      </c>
      <c r="B257" s="10">
        <v>283.41000000000003</v>
      </c>
      <c r="C257" s="10">
        <v>184.2775</v>
      </c>
      <c r="D257" s="10">
        <v>113.3875</v>
      </c>
      <c r="E257" s="10">
        <v>68.735749999999996</v>
      </c>
      <c r="F257" s="10">
        <v>40.99</v>
      </c>
      <c r="G257" s="10">
        <v>22.779499999999999</v>
      </c>
    </row>
    <row r="258" spans="1:7" x14ac:dyDescent="0.25">
      <c r="A258" s="10">
        <v>62.5</v>
      </c>
      <c r="B258" s="10">
        <v>282.58</v>
      </c>
      <c r="C258" s="10">
        <v>184.9725</v>
      </c>
      <c r="D258" s="10">
        <v>114.66</v>
      </c>
      <c r="E258" s="10">
        <v>69.991249999999994</v>
      </c>
      <c r="F258" s="10">
        <v>41.70675</v>
      </c>
      <c r="G258" s="10">
        <v>22.958749999999998</v>
      </c>
    </row>
    <row r="259" spans="1:7" x14ac:dyDescent="0.25">
      <c r="A259" s="10">
        <v>63</v>
      </c>
      <c r="B259" s="10">
        <v>281.23</v>
      </c>
      <c r="C259" s="10">
        <v>185.49</v>
      </c>
      <c r="D259" s="10">
        <v>115.86750000000001</v>
      </c>
      <c r="E259" s="10">
        <v>71.099000000000004</v>
      </c>
      <c r="F259" s="10">
        <v>42.766249999999999</v>
      </c>
      <c r="G259" s="10">
        <v>23.33475</v>
      </c>
    </row>
    <row r="260" spans="1:7" x14ac:dyDescent="0.25">
      <c r="A260" s="10">
        <v>63.5</v>
      </c>
      <c r="B260" s="10">
        <v>280.13249999999999</v>
      </c>
      <c r="C260" s="10">
        <v>186.215</v>
      </c>
      <c r="D260" s="10">
        <v>117.0275</v>
      </c>
      <c r="E260" s="10">
        <v>72.164000000000001</v>
      </c>
      <c r="F260" s="10">
        <v>43.615499999999997</v>
      </c>
      <c r="G260" s="10">
        <v>23.57225</v>
      </c>
    </row>
    <row r="261" spans="1:7" x14ac:dyDescent="0.25">
      <c r="A261" s="10">
        <v>64</v>
      </c>
      <c r="B261" s="10">
        <v>278.79500000000002</v>
      </c>
      <c r="C261" s="10">
        <v>186.68</v>
      </c>
      <c r="D261" s="10">
        <v>118.11750000000001</v>
      </c>
      <c r="E261" s="10">
        <v>73.403999999999996</v>
      </c>
      <c r="F261" s="10">
        <v>44.203499999999998</v>
      </c>
      <c r="G261" s="10">
        <v>23.873000000000001</v>
      </c>
    </row>
    <row r="262" spans="1:7" x14ac:dyDescent="0.25">
      <c r="A262" s="10">
        <v>64.5</v>
      </c>
      <c r="B262" s="10">
        <v>277.5025</v>
      </c>
      <c r="C262" s="10">
        <v>187.0925</v>
      </c>
      <c r="D262" s="10">
        <v>119.215</v>
      </c>
      <c r="E262" s="10">
        <v>74.290499999999994</v>
      </c>
      <c r="F262" s="10">
        <v>45.10275</v>
      </c>
      <c r="G262" s="10">
        <v>24.13025</v>
      </c>
    </row>
    <row r="263" spans="1:7" x14ac:dyDescent="0.25">
      <c r="A263" s="10">
        <v>65</v>
      </c>
      <c r="B263" s="10">
        <v>275.92</v>
      </c>
      <c r="C263" s="10">
        <v>187.49</v>
      </c>
      <c r="D263" s="10">
        <v>120.2625</v>
      </c>
      <c r="E263" s="10">
        <v>75.348249999999993</v>
      </c>
      <c r="F263" s="10">
        <v>45.823500000000003</v>
      </c>
      <c r="G263" s="10">
        <v>24.372499999999999</v>
      </c>
    </row>
    <row r="264" spans="1:7" x14ac:dyDescent="0.25">
      <c r="A264" s="10">
        <v>65.5</v>
      </c>
      <c r="B264" s="10">
        <v>274.60750000000002</v>
      </c>
      <c r="C264" s="10">
        <v>187.685</v>
      </c>
      <c r="D264" s="10">
        <v>121.02249999999999</v>
      </c>
      <c r="E264" s="10">
        <v>76.482749999999996</v>
      </c>
      <c r="F264" s="10">
        <v>46.599249999999998</v>
      </c>
      <c r="G264" s="10">
        <v>24.625</v>
      </c>
    </row>
    <row r="265" spans="1:7" x14ac:dyDescent="0.25">
      <c r="A265" s="10">
        <v>66</v>
      </c>
      <c r="B265" s="10">
        <v>272.92500000000001</v>
      </c>
      <c r="C265" s="10">
        <v>187.92</v>
      </c>
      <c r="D265" s="10">
        <v>122.1925</v>
      </c>
      <c r="E265" s="10">
        <v>77.357249999999993</v>
      </c>
      <c r="F265" s="10">
        <v>47.356000000000002</v>
      </c>
      <c r="G265" s="10">
        <v>24.952750000000002</v>
      </c>
    </row>
    <row r="266" spans="1:7" x14ac:dyDescent="0.25">
      <c r="A266" s="10">
        <v>66.5</v>
      </c>
      <c r="B266" s="10">
        <v>271.41500000000002</v>
      </c>
      <c r="C266" s="10">
        <v>188.07749999999999</v>
      </c>
      <c r="D266" s="10">
        <v>123.0325</v>
      </c>
      <c r="E266" s="10">
        <v>78.4255</v>
      </c>
      <c r="F266" s="10">
        <v>48.265000000000001</v>
      </c>
      <c r="G266" s="10">
        <v>25.281500000000001</v>
      </c>
    </row>
    <row r="267" spans="1:7" x14ac:dyDescent="0.25">
      <c r="A267" s="10">
        <v>67</v>
      </c>
      <c r="B267" s="10">
        <v>269.685</v>
      </c>
      <c r="C267" s="10">
        <v>188.23249999999999</v>
      </c>
      <c r="D267" s="10">
        <v>123.9075</v>
      </c>
      <c r="E267" s="10">
        <v>79.403999999999996</v>
      </c>
      <c r="F267" s="10">
        <v>48.997500000000002</v>
      </c>
      <c r="G267" s="10">
        <v>25.520499999999998</v>
      </c>
    </row>
    <row r="268" spans="1:7" x14ac:dyDescent="0.25">
      <c r="A268" s="10">
        <v>67.5</v>
      </c>
      <c r="B268" s="10">
        <v>268.01499999999999</v>
      </c>
      <c r="C268" s="10">
        <v>188.35249999999999</v>
      </c>
      <c r="D268" s="10">
        <v>124.6525</v>
      </c>
      <c r="E268" s="10">
        <v>80.189250000000001</v>
      </c>
      <c r="F268" s="10">
        <v>49.698999999999998</v>
      </c>
      <c r="G268" s="10">
        <v>25.826499999999999</v>
      </c>
    </row>
    <row r="269" spans="1:7" x14ac:dyDescent="0.25">
      <c r="A269" s="10">
        <v>68</v>
      </c>
      <c r="B269" s="10">
        <v>266.25749999999999</v>
      </c>
      <c r="C269" s="10">
        <v>188.20249999999999</v>
      </c>
      <c r="D269" s="10">
        <v>125.47499999999999</v>
      </c>
      <c r="E269" s="10">
        <v>81.108999999999995</v>
      </c>
      <c r="F269" s="10">
        <v>50.357750000000003</v>
      </c>
      <c r="G269" s="10">
        <v>26.226749999999999</v>
      </c>
    </row>
    <row r="270" spans="1:7" x14ac:dyDescent="0.25">
      <c r="A270" s="10">
        <v>68.5</v>
      </c>
      <c r="B270" s="10">
        <v>264.435</v>
      </c>
      <c r="C270" s="10">
        <v>188.22</v>
      </c>
      <c r="D270" s="10">
        <v>126.095</v>
      </c>
      <c r="E270" s="10">
        <v>82.034499999999994</v>
      </c>
      <c r="F270" s="10">
        <v>51.050249999999998</v>
      </c>
      <c r="G270" s="10">
        <v>26.347000000000001</v>
      </c>
    </row>
    <row r="271" spans="1:7" x14ac:dyDescent="0.25">
      <c r="A271" s="10">
        <v>69</v>
      </c>
      <c r="B271" s="10">
        <v>262.71749999999997</v>
      </c>
      <c r="C271" s="10">
        <v>188.05500000000001</v>
      </c>
      <c r="D271" s="10">
        <v>126.655</v>
      </c>
      <c r="E271" s="10">
        <v>82.860749999999996</v>
      </c>
      <c r="F271" s="10">
        <v>51.929000000000002</v>
      </c>
      <c r="G271" s="10">
        <v>26.669499999999999</v>
      </c>
    </row>
    <row r="272" spans="1:7" x14ac:dyDescent="0.25">
      <c r="A272" s="10">
        <v>69.5</v>
      </c>
      <c r="B272" s="10">
        <v>260.67</v>
      </c>
      <c r="C272" s="10">
        <v>188.01249999999999</v>
      </c>
      <c r="D272" s="10">
        <v>127.47750000000001</v>
      </c>
      <c r="E272" s="10">
        <v>83.654250000000005</v>
      </c>
      <c r="F272" s="10">
        <v>52.597749999999998</v>
      </c>
      <c r="G272" s="10">
        <v>27.19275</v>
      </c>
    </row>
    <row r="273" spans="1:7" x14ac:dyDescent="0.25">
      <c r="A273" s="10">
        <v>70</v>
      </c>
      <c r="B273" s="10">
        <v>258.82</v>
      </c>
      <c r="C273" s="10">
        <v>187.57499999999999</v>
      </c>
      <c r="D273" s="10">
        <v>128.01750000000001</v>
      </c>
      <c r="E273" s="10">
        <v>84.414500000000004</v>
      </c>
      <c r="F273" s="10">
        <v>53.329749999999997</v>
      </c>
      <c r="G273" s="10">
        <v>27.31175</v>
      </c>
    </row>
    <row r="274" spans="1:7" x14ac:dyDescent="0.25">
      <c r="A274" s="10">
        <v>70.5</v>
      </c>
      <c r="B274" s="10">
        <v>256.9325</v>
      </c>
      <c r="C274" s="10">
        <v>187.54249999999999</v>
      </c>
      <c r="D274" s="10">
        <v>128.51499999999999</v>
      </c>
      <c r="E274" s="10">
        <v>85.332499999999996</v>
      </c>
      <c r="F274" s="10">
        <v>53.988999999999997</v>
      </c>
      <c r="G274" s="10">
        <v>27.654</v>
      </c>
    </row>
    <row r="275" spans="1:7" x14ac:dyDescent="0.25">
      <c r="A275" s="10">
        <v>71</v>
      </c>
      <c r="B275" s="10">
        <v>254.79499999999999</v>
      </c>
      <c r="C275" s="10">
        <v>187.12</v>
      </c>
      <c r="D275" s="10">
        <v>129.01249999999999</v>
      </c>
      <c r="E275" s="10">
        <v>85.902500000000003</v>
      </c>
      <c r="F275" s="10">
        <v>54.633749999999999</v>
      </c>
      <c r="G275" s="10">
        <v>27.977250000000002</v>
      </c>
    </row>
    <row r="276" spans="1:7" x14ac:dyDescent="0.25">
      <c r="A276" s="10">
        <v>71.5</v>
      </c>
      <c r="B276" s="10">
        <v>252.85749999999999</v>
      </c>
      <c r="C276" s="10">
        <v>186.7825</v>
      </c>
      <c r="D276" s="10">
        <v>129.38749999999999</v>
      </c>
      <c r="E276" s="10">
        <v>86.715999999999994</v>
      </c>
      <c r="F276" s="10">
        <v>55.208500000000001</v>
      </c>
      <c r="G276" s="10">
        <v>28.3355</v>
      </c>
    </row>
    <row r="277" spans="1:7" x14ac:dyDescent="0.25">
      <c r="A277" s="10">
        <v>72</v>
      </c>
      <c r="B277" s="10">
        <v>250.77500000000001</v>
      </c>
      <c r="C277" s="10">
        <v>186.4675</v>
      </c>
      <c r="D277" s="10">
        <v>129.89750000000001</v>
      </c>
      <c r="E277" s="10">
        <v>87.246750000000006</v>
      </c>
      <c r="F277" s="10">
        <v>55.820999999999998</v>
      </c>
      <c r="G277" s="10">
        <v>28.506250000000001</v>
      </c>
    </row>
    <row r="278" spans="1:7" x14ac:dyDescent="0.25">
      <c r="A278" s="10">
        <v>72.5</v>
      </c>
      <c r="B278" s="10">
        <v>248.7825</v>
      </c>
      <c r="C278" s="10">
        <v>185.9325</v>
      </c>
      <c r="D278" s="10">
        <v>130.24</v>
      </c>
      <c r="E278" s="10">
        <v>88.046000000000006</v>
      </c>
      <c r="F278" s="10">
        <v>56.476750000000003</v>
      </c>
      <c r="G278" s="10">
        <v>28.960999999999999</v>
      </c>
    </row>
    <row r="279" spans="1:7" x14ac:dyDescent="0.25">
      <c r="A279" s="10">
        <v>73</v>
      </c>
      <c r="B279" s="10">
        <v>246.72749999999999</v>
      </c>
      <c r="C279" s="10">
        <v>185.5925</v>
      </c>
      <c r="D279" s="10">
        <v>130.61000000000001</v>
      </c>
      <c r="E279" s="10">
        <v>88.720500000000001</v>
      </c>
      <c r="F279" s="10">
        <v>57.137500000000003</v>
      </c>
      <c r="G279" s="10">
        <v>29.265999999999998</v>
      </c>
    </row>
    <row r="280" spans="1:7" x14ac:dyDescent="0.25">
      <c r="A280" s="10">
        <v>73.5</v>
      </c>
      <c r="B280" s="10">
        <v>244.78749999999999</v>
      </c>
      <c r="C280" s="10">
        <v>184.8775</v>
      </c>
      <c r="D280" s="10">
        <v>130.97749999999999</v>
      </c>
      <c r="E280" s="10">
        <v>89.404250000000005</v>
      </c>
      <c r="F280" s="10">
        <v>57.780749999999998</v>
      </c>
      <c r="G280" s="10">
        <v>29.518750000000001</v>
      </c>
    </row>
    <row r="281" spans="1:7" x14ac:dyDescent="0.25">
      <c r="A281" s="10">
        <v>74</v>
      </c>
      <c r="B281" s="10">
        <v>242.625</v>
      </c>
      <c r="C281" s="10">
        <v>184.495</v>
      </c>
      <c r="D281" s="10">
        <v>131.19</v>
      </c>
      <c r="E281" s="10">
        <v>89.905000000000001</v>
      </c>
      <c r="F281" s="10">
        <v>58.4</v>
      </c>
      <c r="G281" s="10">
        <v>30.042750000000002</v>
      </c>
    </row>
    <row r="282" spans="1:7" x14ac:dyDescent="0.25">
      <c r="A282" s="10">
        <v>74.5</v>
      </c>
      <c r="B282" s="10">
        <v>240.4</v>
      </c>
      <c r="C282" s="10">
        <v>183.83500000000001</v>
      </c>
      <c r="D282" s="10">
        <v>131.5275</v>
      </c>
      <c r="E282" s="10">
        <v>90.516999999999996</v>
      </c>
      <c r="F282" s="10">
        <v>58.854500000000002</v>
      </c>
      <c r="G282" s="10">
        <v>30.145250000000001</v>
      </c>
    </row>
    <row r="283" spans="1:7" x14ac:dyDescent="0.25">
      <c r="A283" s="10">
        <v>75</v>
      </c>
      <c r="B283" s="10">
        <v>238.3425</v>
      </c>
      <c r="C283" s="10">
        <v>183.30250000000001</v>
      </c>
      <c r="D283" s="10">
        <v>131.70750000000001</v>
      </c>
      <c r="E283" s="10">
        <v>91.020499999999998</v>
      </c>
      <c r="F283" s="10">
        <v>59.356499999999997</v>
      </c>
      <c r="G283" s="10">
        <v>30.577249999999999</v>
      </c>
    </row>
    <row r="284" spans="1:7" x14ac:dyDescent="0.25">
      <c r="A284" s="10">
        <v>75.5</v>
      </c>
      <c r="B284" s="10">
        <v>236.13</v>
      </c>
      <c r="C284" s="10">
        <v>182.6275</v>
      </c>
      <c r="D284" s="10">
        <v>131.8475</v>
      </c>
      <c r="E284" s="10">
        <v>91.475499999999997</v>
      </c>
      <c r="F284" s="10">
        <v>59.956499999999998</v>
      </c>
      <c r="G284" s="10">
        <v>30.791499999999999</v>
      </c>
    </row>
    <row r="285" spans="1:7" x14ac:dyDescent="0.25">
      <c r="A285" s="10">
        <v>76</v>
      </c>
      <c r="B285" s="10">
        <v>234.08750000000001</v>
      </c>
      <c r="C285" s="10">
        <v>182</v>
      </c>
      <c r="D285" s="10">
        <v>132.0025</v>
      </c>
      <c r="E285" s="10">
        <v>91.976749999999996</v>
      </c>
      <c r="F285" s="10">
        <v>60.490499999999997</v>
      </c>
      <c r="G285" s="10">
        <v>31.131250000000001</v>
      </c>
    </row>
    <row r="286" spans="1:7" x14ac:dyDescent="0.25">
      <c r="A286" s="10">
        <v>76.5</v>
      </c>
      <c r="B286" s="10">
        <v>231.98750000000001</v>
      </c>
      <c r="C286" s="10">
        <v>181.32499999999999</v>
      </c>
      <c r="D286" s="10">
        <v>132.1275</v>
      </c>
      <c r="E286" s="10">
        <v>92.483750000000001</v>
      </c>
      <c r="F286" s="10">
        <v>61.015500000000003</v>
      </c>
      <c r="G286" s="10">
        <v>31.480250000000002</v>
      </c>
    </row>
    <row r="287" spans="1:7" x14ac:dyDescent="0.25">
      <c r="A287" s="10">
        <v>77</v>
      </c>
      <c r="B287" s="10">
        <v>229.98</v>
      </c>
      <c r="C287" s="10">
        <v>180.5975</v>
      </c>
      <c r="D287" s="10">
        <v>132.23249999999999</v>
      </c>
      <c r="E287" s="10">
        <v>92.968249999999998</v>
      </c>
      <c r="F287" s="10">
        <v>61.555999999999997</v>
      </c>
      <c r="G287" s="10">
        <v>31.78</v>
      </c>
    </row>
    <row r="288" spans="1:7" x14ac:dyDescent="0.25">
      <c r="A288" s="10">
        <v>77.5</v>
      </c>
      <c r="B288" s="10">
        <v>227.935</v>
      </c>
      <c r="C288" s="10">
        <v>179.9075</v>
      </c>
      <c r="D288" s="10">
        <v>132.31</v>
      </c>
      <c r="E288" s="10">
        <v>93.400499999999994</v>
      </c>
      <c r="F288" s="10">
        <v>62.082500000000003</v>
      </c>
      <c r="G288" s="10">
        <v>32.119</v>
      </c>
    </row>
    <row r="289" spans="1:7" x14ac:dyDescent="0.25">
      <c r="A289" s="10">
        <v>78</v>
      </c>
      <c r="B289" s="10">
        <v>225.89750000000001</v>
      </c>
      <c r="C289" s="10">
        <v>179.14</v>
      </c>
      <c r="D289" s="10">
        <v>132.37</v>
      </c>
      <c r="E289" s="10">
        <v>93.803749999999994</v>
      </c>
      <c r="F289" s="10">
        <v>62.566000000000003</v>
      </c>
      <c r="G289" s="10">
        <v>32.454749999999997</v>
      </c>
    </row>
    <row r="290" spans="1:7" x14ac:dyDescent="0.25">
      <c r="A290" s="10">
        <v>78.5</v>
      </c>
      <c r="B290" s="10">
        <v>223.8775</v>
      </c>
      <c r="C290" s="10">
        <v>178.35</v>
      </c>
      <c r="D290" s="10">
        <v>132.39500000000001</v>
      </c>
      <c r="E290" s="10">
        <v>94.232500000000002</v>
      </c>
      <c r="F290" s="10">
        <v>63.053750000000001</v>
      </c>
      <c r="G290" s="10">
        <v>32.781750000000002</v>
      </c>
    </row>
    <row r="291" spans="1:7" x14ac:dyDescent="0.25">
      <c r="A291" s="10">
        <v>79</v>
      </c>
      <c r="B291" s="10">
        <v>221.86750000000001</v>
      </c>
      <c r="C291" s="10">
        <v>177.595</v>
      </c>
      <c r="D291" s="10">
        <v>132.38</v>
      </c>
      <c r="E291" s="10">
        <v>94.581000000000003</v>
      </c>
      <c r="F291" s="10">
        <v>63.553750000000001</v>
      </c>
      <c r="G291" s="10">
        <v>33.082749999999997</v>
      </c>
    </row>
    <row r="292" spans="1:7" x14ac:dyDescent="0.25">
      <c r="A292" s="10">
        <v>79.5</v>
      </c>
      <c r="B292" s="10">
        <v>219.89250000000001</v>
      </c>
      <c r="C292" s="10">
        <v>176.83500000000001</v>
      </c>
      <c r="D292" s="10">
        <v>132.36750000000001</v>
      </c>
      <c r="E292" s="10">
        <v>94.977999999999994</v>
      </c>
      <c r="F292" s="10">
        <v>63.999000000000002</v>
      </c>
      <c r="G292" s="10">
        <v>33.392749999999999</v>
      </c>
    </row>
    <row r="293" spans="1:7" x14ac:dyDescent="0.25">
      <c r="A293" s="10">
        <v>80</v>
      </c>
      <c r="B293" s="10">
        <v>217.94749999999999</v>
      </c>
      <c r="C293" s="10">
        <v>176.0025</v>
      </c>
      <c r="D293" s="10">
        <v>132.33500000000001</v>
      </c>
      <c r="E293" s="10">
        <v>95.302750000000003</v>
      </c>
      <c r="F293" s="10">
        <v>64.467250000000007</v>
      </c>
      <c r="G293" s="10">
        <v>33.723999999999997</v>
      </c>
    </row>
    <row r="294" spans="1:7" x14ac:dyDescent="0.25">
      <c r="A294" s="10">
        <v>80.5</v>
      </c>
      <c r="B294" s="10">
        <v>215.98750000000001</v>
      </c>
      <c r="C294" s="10">
        <v>175.16749999999999</v>
      </c>
      <c r="D294" s="10">
        <v>132.27500000000001</v>
      </c>
      <c r="E294" s="10">
        <v>95.644000000000005</v>
      </c>
      <c r="F294" s="10">
        <v>64.881</v>
      </c>
      <c r="G294" s="10">
        <v>34.028750000000002</v>
      </c>
    </row>
    <row r="295" spans="1:7" x14ac:dyDescent="0.25">
      <c r="A295" s="10">
        <v>81</v>
      </c>
      <c r="B295" s="10">
        <v>214.05</v>
      </c>
      <c r="C295" s="10">
        <v>174.32249999999999</v>
      </c>
      <c r="D295" s="10">
        <v>132.17250000000001</v>
      </c>
      <c r="E295" s="10">
        <v>95.941000000000003</v>
      </c>
      <c r="F295" s="10">
        <v>65.332750000000004</v>
      </c>
      <c r="G295" s="10">
        <v>34.330750000000002</v>
      </c>
    </row>
    <row r="296" spans="1:7" x14ac:dyDescent="0.25">
      <c r="A296" s="10">
        <v>81.5</v>
      </c>
      <c r="B296" s="10">
        <v>212.1525</v>
      </c>
      <c r="C296" s="10">
        <v>173.49</v>
      </c>
      <c r="D296" s="10">
        <v>132.07499999999999</v>
      </c>
      <c r="E296" s="10">
        <v>96.218000000000004</v>
      </c>
      <c r="F296" s="10">
        <v>65.739500000000007</v>
      </c>
      <c r="G296" s="10">
        <v>34.685749999999999</v>
      </c>
    </row>
    <row r="297" spans="1:7" x14ac:dyDescent="0.25">
      <c r="A297" s="10">
        <v>82</v>
      </c>
      <c r="B297" s="10">
        <v>210.26249999999999</v>
      </c>
      <c r="C297" s="10">
        <v>172.61</v>
      </c>
      <c r="D297" s="10">
        <v>131.95750000000001</v>
      </c>
      <c r="E297" s="10">
        <v>96.498750000000001</v>
      </c>
      <c r="F297" s="10">
        <v>66.153750000000002</v>
      </c>
      <c r="G297" s="10">
        <v>34.942250000000001</v>
      </c>
    </row>
    <row r="298" spans="1:7" x14ac:dyDescent="0.25">
      <c r="A298" s="10">
        <v>82.5</v>
      </c>
      <c r="B298" s="10">
        <v>208.38</v>
      </c>
      <c r="C298" s="10">
        <v>171.76499999999999</v>
      </c>
      <c r="D298" s="10">
        <v>131.8075</v>
      </c>
      <c r="E298" s="10">
        <v>96.736249999999998</v>
      </c>
      <c r="F298" s="10">
        <v>66.578500000000005</v>
      </c>
      <c r="G298" s="10">
        <v>35.279499999999999</v>
      </c>
    </row>
    <row r="299" spans="1:7" x14ac:dyDescent="0.25">
      <c r="A299" s="10">
        <v>83</v>
      </c>
      <c r="B299" s="10">
        <v>206.5675</v>
      </c>
      <c r="C299" s="10">
        <v>170.89250000000001</v>
      </c>
      <c r="D299" s="10">
        <v>131.6275</v>
      </c>
      <c r="E299" s="10">
        <v>96.984499999999997</v>
      </c>
      <c r="F299" s="10">
        <v>66.933750000000003</v>
      </c>
      <c r="G299" s="10">
        <v>35.607250000000001</v>
      </c>
    </row>
    <row r="300" spans="1:7" x14ac:dyDescent="0.25">
      <c r="A300" s="10">
        <v>83.5</v>
      </c>
      <c r="B300" s="10">
        <v>204.755</v>
      </c>
      <c r="C300" s="10">
        <v>169.98750000000001</v>
      </c>
      <c r="D300" s="10">
        <v>131.45500000000001</v>
      </c>
      <c r="E300" s="10">
        <v>97.214500000000001</v>
      </c>
      <c r="F300" s="10">
        <v>67.322749999999999</v>
      </c>
      <c r="G300" s="10">
        <v>35.900750000000002</v>
      </c>
    </row>
    <row r="301" spans="1:7" x14ac:dyDescent="0.25">
      <c r="A301" s="10">
        <v>84</v>
      </c>
      <c r="B301" s="10">
        <v>202.95249999999999</v>
      </c>
      <c r="C301" s="10">
        <v>169.12</v>
      </c>
      <c r="D301" s="10">
        <v>131.24250000000001</v>
      </c>
      <c r="E301" s="10">
        <v>97.404250000000005</v>
      </c>
      <c r="F301" s="10">
        <v>67.66825</v>
      </c>
      <c r="G301" s="10">
        <v>36.199750000000002</v>
      </c>
    </row>
    <row r="302" spans="1:7" x14ac:dyDescent="0.25">
      <c r="A302" s="10">
        <v>84.5</v>
      </c>
      <c r="B302" s="10">
        <v>201.1575</v>
      </c>
      <c r="C302" s="10">
        <v>168.22499999999999</v>
      </c>
      <c r="D302" s="10">
        <v>131.0275</v>
      </c>
      <c r="E302" s="10">
        <v>97.605249999999998</v>
      </c>
      <c r="F302" s="10">
        <v>68.04025</v>
      </c>
      <c r="G302" s="10">
        <v>36.497</v>
      </c>
    </row>
    <row r="303" spans="1:7" x14ac:dyDescent="0.25">
      <c r="A303" s="10">
        <v>85</v>
      </c>
      <c r="B303" s="10">
        <v>199.4375</v>
      </c>
      <c r="C303" s="10">
        <v>167.38249999999999</v>
      </c>
      <c r="D303" s="10">
        <v>130.8125</v>
      </c>
      <c r="E303" s="10">
        <v>97.772750000000002</v>
      </c>
      <c r="F303" s="10">
        <v>68.332250000000002</v>
      </c>
      <c r="G303" s="10">
        <v>36.784999999999997</v>
      </c>
    </row>
    <row r="304" spans="1:7" x14ac:dyDescent="0.25">
      <c r="A304" s="10">
        <v>85.5</v>
      </c>
      <c r="B304" s="10">
        <v>197.69</v>
      </c>
      <c r="C304" s="10">
        <v>166.44749999999999</v>
      </c>
      <c r="D304" s="10">
        <v>130.55500000000001</v>
      </c>
      <c r="E304" s="10">
        <v>97.91825</v>
      </c>
      <c r="F304" s="10">
        <v>68.685500000000005</v>
      </c>
      <c r="G304" s="10">
        <v>37.073</v>
      </c>
    </row>
    <row r="305" spans="1:7" x14ac:dyDescent="0.25">
      <c r="A305" s="10">
        <v>86</v>
      </c>
      <c r="B305" s="10">
        <v>195.9725</v>
      </c>
      <c r="C305" s="10">
        <v>165.54499999999999</v>
      </c>
      <c r="D305" s="10">
        <v>130.29</v>
      </c>
      <c r="E305" s="10">
        <v>98.070999999999998</v>
      </c>
      <c r="F305" s="10">
        <v>68.991249999999994</v>
      </c>
      <c r="G305" s="10">
        <v>37.386249999999997</v>
      </c>
    </row>
    <row r="306" spans="1:7" x14ac:dyDescent="0.25">
      <c r="A306" s="10">
        <v>86.5</v>
      </c>
      <c r="B306" s="10">
        <v>194.3125</v>
      </c>
      <c r="C306" s="10">
        <v>164.65</v>
      </c>
      <c r="D306" s="10">
        <v>130.0325</v>
      </c>
      <c r="E306" s="10">
        <v>98.1845</v>
      </c>
      <c r="F306" s="10">
        <v>69.294749999999993</v>
      </c>
      <c r="G306" s="10">
        <v>37.66075</v>
      </c>
    </row>
    <row r="307" spans="1:7" x14ac:dyDescent="0.25">
      <c r="A307" s="10">
        <v>87</v>
      </c>
      <c r="B307" s="10">
        <v>192.63249999999999</v>
      </c>
      <c r="C307" s="10">
        <v>163.73750000000001</v>
      </c>
      <c r="D307" s="10">
        <v>129.745</v>
      </c>
      <c r="E307" s="10">
        <v>98.320750000000004</v>
      </c>
      <c r="F307" s="10">
        <v>69.600750000000005</v>
      </c>
      <c r="G307" s="10">
        <v>37.948250000000002</v>
      </c>
    </row>
    <row r="308" spans="1:7" x14ac:dyDescent="0.25">
      <c r="A308" s="10">
        <v>87.5</v>
      </c>
      <c r="B308" s="10">
        <v>191.02500000000001</v>
      </c>
      <c r="C308" s="10">
        <v>162.86500000000001</v>
      </c>
      <c r="D308" s="10">
        <v>129.45249999999999</v>
      </c>
      <c r="E308" s="10">
        <v>98.441999999999993</v>
      </c>
      <c r="F308" s="10">
        <v>69.866500000000002</v>
      </c>
      <c r="G308" s="10">
        <v>38.180250000000001</v>
      </c>
    </row>
    <row r="309" spans="1:7" x14ac:dyDescent="0.25">
      <c r="A309" s="10">
        <v>88</v>
      </c>
      <c r="B309" s="10">
        <v>189.38</v>
      </c>
      <c r="C309" s="10">
        <v>161.96250000000001</v>
      </c>
      <c r="D309" s="10">
        <v>129.13</v>
      </c>
      <c r="E309" s="10">
        <v>98.481999999999999</v>
      </c>
      <c r="F309" s="10">
        <v>70.140749999999997</v>
      </c>
      <c r="G309" s="10">
        <v>38.511749999999999</v>
      </c>
    </row>
    <row r="310" spans="1:7" x14ac:dyDescent="0.25">
      <c r="A310" s="10">
        <v>88.5</v>
      </c>
      <c r="B310" s="10">
        <v>187.83750000000001</v>
      </c>
      <c r="C310" s="10">
        <v>161.04750000000001</v>
      </c>
      <c r="D310" s="10">
        <v>128.8425</v>
      </c>
      <c r="E310" s="10">
        <v>98.540999999999997</v>
      </c>
      <c r="F310" s="10">
        <v>70.429000000000002</v>
      </c>
      <c r="G310" s="10">
        <v>38.7575</v>
      </c>
    </row>
    <row r="311" spans="1:7" x14ac:dyDescent="0.25">
      <c r="A311" s="10">
        <v>89</v>
      </c>
      <c r="B311" s="10">
        <v>186.2225</v>
      </c>
      <c r="C311" s="10">
        <v>160.14500000000001</v>
      </c>
      <c r="D311" s="10">
        <v>128.51249999999999</v>
      </c>
      <c r="E311" s="10">
        <v>98.636750000000006</v>
      </c>
      <c r="F311" s="10">
        <v>70.653000000000006</v>
      </c>
      <c r="G311" s="10">
        <v>39.070749999999997</v>
      </c>
    </row>
    <row r="312" spans="1:7" x14ac:dyDescent="0.25">
      <c r="A312" s="10">
        <v>89.5</v>
      </c>
      <c r="B312" s="10">
        <v>184.6575</v>
      </c>
      <c r="C312" s="10">
        <v>159.2225</v>
      </c>
      <c r="D312" s="10">
        <v>128.17500000000001</v>
      </c>
      <c r="E312" s="10">
        <v>98.680499999999995</v>
      </c>
      <c r="F312" s="10">
        <v>70.891999999999996</v>
      </c>
      <c r="G312" s="10">
        <v>39.313249999999996</v>
      </c>
    </row>
    <row r="313" spans="1:7" x14ac:dyDescent="0.25">
      <c r="A313" s="10">
        <v>90</v>
      </c>
      <c r="B313" s="10">
        <v>183.16499999999999</v>
      </c>
      <c r="C313" s="10">
        <v>158.36500000000001</v>
      </c>
      <c r="D313" s="10">
        <v>127.8325</v>
      </c>
      <c r="E313" s="10">
        <v>98.697249999999997</v>
      </c>
      <c r="F313" s="10">
        <v>71.14</v>
      </c>
      <c r="G313" s="10">
        <v>39.606250000000003</v>
      </c>
    </row>
    <row r="314" spans="1:7" x14ac:dyDescent="0.25">
      <c r="A314" s="10">
        <v>90.5</v>
      </c>
      <c r="B314" s="10">
        <v>181.63</v>
      </c>
      <c r="C314" s="10">
        <v>157.4425</v>
      </c>
      <c r="D314" s="10">
        <v>127.47750000000001</v>
      </c>
      <c r="E314" s="10">
        <v>98.687250000000006</v>
      </c>
      <c r="F314" s="10">
        <v>71.367500000000007</v>
      </c>
      <c r="G314" s="10">
        <v>39.870750000000001</v>
      </c>
    </row>
    <row r="315" spans="1:7" x14ac:dyDescent="0.25">
      <c r="A315" s="10">
        <v>91</v>
      </c>
      <c r="B315" s="10">
        <v>180.19</v>
      </c>
      <c r="C315" s="10">
        <v>156.57249999999999</v>
      </c>
      <c r="D315" s="10">
        <v>127.07</v>
      </c>
      <c r="E315" s="10">
        <v>98.712249999999997</v>
      </c>
      <c r="F315" s="10">
        <v>71.551500000000004</v>
      </c>
      <c r="G315" s="10">
        <v>40.111750000000001</v>
      </c>
    </row>
    <row r="316" spans="1:7" x14ac:dyDescent="0.25">
      <c r="A316" s="10">
        <v>91.5</v>
      </c>
      <c r="B316" s="10">
        <v>178.6875</v>
      </c>
      <c r="C316" s="10">
        <v>155.6825</v>
      </c>
      <c r="D316" s="10">
        <v>126.7175</v>
      </c>
      <c r="E316" s="10">
        <v>98.725999999999999</v>
      </c>
      <c r="F316" s="10">
        <v>71.760750000000002</v>
      </c>
      <c r="G316" s="10">
        <v>40.34375</v>
      </c>
    </row>
    <row r="317" spans="1:7" x14ac:dyDescent="0.25">
      <c r="A317" s="10">
        <v>92</v>
      </c>
      <c r="B317" s="10">
        <v>177.25749999999999</v>
      </c>
      <c r="C317" s="10">
        <v>154.8125</v>
      </c>
      <c r="D317" s="10">
        <v>126.35</v>
      </c>
      <c r="E317" s="10">
        <v>98.706000000000003</v>
      </c>
      <c r="F317" s="10">
        <v>71.957499999999996</v>
      </c>
      <c r="G317" s="10">
        <v>40.618000000000002</v>
      </c>
    </row>
    <row r="318" spans="1:7" x14ac:dyDescent="0.25">
      <c r="A318" s="10">
        <v>92.5</v>
      </c>
      <c r="B318" s="10">
        <v>175.86</v>
      </c>
      <c r="C318" s="10">
        <v>153.9075</v>
      </c>
      <c r="D318" s="10">
        <v>125.96250000000001</v>
      </c>
      <c r="E318" s="10">
        <v>98.704750000000004</v>
      </c>
      <c r="F318" s="10">
        <v>72.154750000000007</v>
      </c>
      <c r="G318" s="10">
        <v>40.859000000000002</v>
      </c>
    </row>
    <row r="319" spans="1:7" x14ac:dyDescent="0.25">
      <c r="A319" s="10">
        <v>93</v>
      </c>
      <c r="B319" s="10">
        <v>174.42500000000001</v>
      </c>
      <c r="C319" s="10">
        <v>153.00749999999999</v>
      </c>
      <c r="D319" s="10">
        <v>125.56</v>
      </c>
      <c r="E319" s="10">
        <v>98.658749999999998</v>
      </c>
      <c r="F319" s="10">
        <v>72.334000000000003</v>
      </c>
      <c r="G319" s="10">
        <v>41.085749999999997</v>
      </c>
    </row>
    <row r="320" spans="1:7" x14ac:dyDescent="0.25">
      <c r="A320" s="10">
        <v>93.5</v>
      </c>
      <c r="B320" s="10">
        <v>173.0625</v>
      </c>
      <c r="C320" s="10">
        <v>152.1575</v>
      </c>
      <c r="D320" s="10">
        <v>125.145</v>
      </c>
      <c r="E320" s="10">
        <v>98.609499999999997</v>
      </c>
      <c r="F320" s="10">
        <v>72.442999999999998</v>
      </c>
      <c r="G320" s="10">
        <v>41.332999999999998</v>
      </c>
    </row>
    <row r="321" spans="1:7" x14ac:dyDescent="0.25">
      <c r="A321" s="10">
        <v>94</v>
      </c>
      <c r="B321" s="10">
        <v>171.68</v>
      </c>
      <c r="C321" s="10">
        <v>151.28749999999999</v>
      </c>
      <c r="D321" s="10">
        <v>124.74250000000001</v>
      </c>
      <c r="E321" s="10">
        <v>98.534750000000003</v>
      </c>
      <c r="F321" s="10">
        <v>72.591750000000005</v>
      </c>
      <c r="G321" s="10">
        <v>41.571750000000002</v>
      </c>
    </row>
    <row r="322" spans="1:7" x14ac:dyDescent="0.25">
      <c r="A322" s="10">
        <v>94.5</v>
      </c>
      <c r="B322" s="10">
        <v>170.36500000000001</v>
      </c>
      <c r="C322" s="10">
        <v>150.44749999999999</v>
      </c>
      <c r="D322" s="10">
        <v>124.36750000000001</v>
      </c>
      <c r="E322" s="10">
        <v>98.515249999999995</v>
      </c>
      <c r="F322" s="10">
        <v>72.767250000000004</v>
      </c>
      <c r="G322" s="10">
        <v>41.819249999999997</v>
      </c>
    </row>
    <row r="323" spans="1:7" x14ac:dyDescent="0.25">
      <c r="A323" s="10">
        <v>95</v>
      </c>
      <c r="B323" s="10">
        <v>169.02500000000001</v>
      </c>
      <c r="C323" s="10">
        <v>149.55500000000001</v>
      </c>
      <c r="D323" s="10">
        <v>123.905</v>
      </c>
      <c r="E323" s="10">
        <v>98.430750000000003</v>
      </c>
      <c r="F323" s="10">
        <v>72.930499999999995</v>
      </c>
      <c r="G323" s="10">
        <v>42.048749999999998</v>
      </c>
    </row>
    <row r="324" spans="1:7" x14ac:dyDescent="0.25">
      <c r="A324" s="10">
        <v>95.5</v>
      </c>
      <c r="B324" s="10">
        <v>167.71250000000001</v>
      </c>
      <c r="C324" s="10">
        <v>148.69999999999999</v>
      </c>
      <c r="D324" s="10">
        <v>123.505</v>
      </c>
      <c r="E324" s="10">
        <v>98.342749999999995</v>
      </c>
      <c r="F324" s="10">
        <v>73.026250000000005</v>
      </c>
      <c r="G324" s="10">
        <v>42.249250000000004</v>
      </c>
    </row>
    <row r="325" spans="1:7" x14ac:dyDescent="0.25">
      <c r="A325" s="10">
        <v>96</v>
      </c>
      <c r="B325" s="10">
        <v>166.4725</v>
      </c>
      <c r="C325" s="10">
        <v>147.83750000000001</v>
      </c>
      <c r="D325" s="10">
        <v>123.0775</v>
      </c>
      <c r="E325" s="10">
        <v>98.271249999999995</v>
      </c>
      <c r="F325" s="10">
        <v>73.145499999999998</v>
      </c>
      <c r="G325" s="10">
        <v>42.444499999999998</v>
      </c>
    </row>
    <row r="326" spans="1:7" x14ac:dyDescent="0.25">
      <c r="A326" s="10">
        <v>96.5</v>
      </c>
      <c r="B326" s="10">
        <v>165.16749999999999</v>
      </c>
      <c r="C326" s="10">
        <v>146.9725</v>
      </c>
      <c r="D326" s="10">
        <v>122.6425</v>
      </c>
      <c r="E326" s="10">
        <v>98.15925</v>
      </c>
      <c r="F326" s="10">
        <v>73.266499999999994</v>
      </c>
      <c r="G326" s="10">
        <v>42.689</v>
      </c>
    </row>
    <row r="327" spans="1:7" x14ac:dyDescent="0.25">
      <c r="A327" s="10">
        <v>97</v>
      </c>
      <c r="B327" s="10">
        <v>163.95750000000001</v>
      </c>
      <c r="C327" s="10">
        <v>146.14750000000001</v>
      </c>
      <c r="D327" s="10">
        <v>122.215</v>
      </c>
      <c r="E327" s="10">
        <v>98.023499999999999</v>
      </c>
      <c r="F327" s="10">
        <v>73.353250000000003</v>
      </c>
      <c r="G327" s="10">
        <v>42.893999999999998</v>
      </c>
    </row>
    <row r="328" spans="1:7" x14ac:dyDescent="0.25">
      <c r="A328" s="10">
        <v>97.5</v>
      </c>
      <c r="B328" s="10">
        <v>162.70750000000001</v>
      </c>
      <c r="C328" s="10">
        <v>145.29</v>
      </c>
      <c r="D328" s="10">
        <v>121.7525</v>
      </c>
      <c r="E328" s="10">
        <v>97.956500000000005</v>
      </c>
      <c r="F328" s="10">
        <v>73.461500000000001</v>
      </c>
      <c r="G328" s="10">
        <v>43.078000000000003</v>
      </c>
    </row>
    <row r="329" spans="1:7" x14ac:dyDescent="0.25">
      <c r="A329" s="10">
        <v>98</v>
      </c>
      <c r="B329" s="10">
        <v>161.49250000000001</v>
      </c>
      <c r="C329" s="10">
        <v>144.47999999999999</v>
      </c>
      <c r="D329" s="10">
        <v>121.3325</v>
      </c>
      <c r="E329" s="10">
        <v>97.835999999999999</v>
      </c>
      <c r="F329" s="10">
        <v>73.581249999999997</v>
      </c>
      <c r="G329" s="10">
        <v>43.325249999999997</v>
      </c>
    </row>
    <row r="330" spans="1:7" x14ac:dyDescent="0.25">
      <c r="A330" s="10">
        <v>98.5</v>
      </c>
      <c r="B330" s="10">
        <v>160.30500000000001</v>
      </c>
      <c r="C330" s="10">
        <v>143.66249999999999</v>
      </c>
      <c r="D330" s="10">
        <v>120.8625</v>
      </c>
      <c r="E330" s="10">
        <v>97.722250000000003</v>
      </c>
      <c r="F330" s="10">
        <v>73.631500000000003</v>
      </c>
      <c r="G330" s="10">
        <v>43.540750000000003</v>
      </c>
    </row>
    <row r="331" spans="1:7" x14ac:dyDescent="0.25">
      <c r="A331" s="10">
        <v>99</v>
      </c>
      <c r="B331" s="10">
        <v>159.11250000000001</v>
      </c>
      <c r="C331" s="10">
        <v>142.82499999999999</v>
      </c>
      <c r="D331" s="10">
        <v>120.4375</v>
      </c>
      <c r="E331" s="10">
        <v>97.559250000000006</v>
      </c>
      <c r="F331" s="10">
        <v>73.698999999999998</v>
      </c>
      <c r="G331" s="10">
        <v>43.672499999999999</v>
      </c>
    </row>
    <row r="332" spans="1:7" x14ac:dyDescent="0.25">
      <c r="A332" s="10">
        <v>99.5</v>
      </c>
      <c r="B332" s="10">
        <v>157.94</v>
      </c>
      <c r="C332" s="10">
        <v>141.97999999999999</v>
      </c>
      <c r="D332" s="10">
        <v>120.02249999999999</v>
      </c>
      <c r="E332" s="10">
        <v>97.439750000000004</v>
      </c>
      <c r="F332" s="10">
        <v>73.773499999999999</v>
      </c>
      <c r="G332" s="10">
        <v>43.907499999999999</v>
      </c>
    </row>
    <row r="333" spans="1:7" x14ac:dyDescent="0.25">
      <c r="A333" s="10">
        <v>100</v>
      </c>
      <c r="B333" s="10">
        <v>156.80250000000001</v>
      </c>
      <c r="C333" s="10">
        <v>141.1575</v>
      </c>
      <c r="D333" s="10">
        <v>119.5325</v>
      </c>
      <c r="E333" s="10">
        <v>97.308000000000007</v>
      </c>
      <c r="F333" s="10">
        <v>73.805250000000001</v>
      </c>
      <c r="G333" s="10">
        <v>44.125999999999998</v>
      </c>
    </row>
    <row r="334" spans="1:7" x14ac:dyDescent="0.25">
      <c r="A334" s="10">
        <v>100.5</v>
      </c>
      <c r="B334" s="10">
        <v>155.71</v>
      </c>
      <c r="C334" s="10">
        <v>140.38749999999999</v>
      </c>
      <c r="D334" s="10">
        <v>119.11</v>
      </c>
      <c r="E334" s="10">
        <v>97.155249999999995</v>
      </c>
      <c r="F334" s="10">
        <v>73.899749999999997</v>
      </c>
      <c r="G334" s="10">
        <v>44.283999999999999</v>
      </c>
    </row>
    <row r="335" spans="1:7" x14ac:dyDescent="0.25">
      <c r="A335" s="10">
        <v>101</v>
      </c>
      <c r="B335" s="10">
        <v>154.55000000000001</v>
      </c>
      <c r="C335" s="10">
        <v>139.5575</v>
      </c>
      <c r="D335" s="10">
        <v>118.64</v>
      </c>
      <c r="E335" s="10">
        <v>96.976249999999993</v>
      </c>
      <c r="F335" s="10">
        <v>73.918750000000003</v>
      </c>
      <c r="G335" s="10">
        <v>44.437750000000001</v>
      </c>
    </row>
    <row r="336" spans="1:7" x14ac:dyDescent="0.25">
      <c r="A336" s="10">
        <v>101.5</v>
      </c>
      <c r="B336" s="10">
        <v>153.4725</v>
      </c>
      <c r="C336" s="10">
        <v>138.80250000000001</v>
      </c>
      <c r="D336" s="10">
        <v>118.1925</v>
      </c>
      <c r="E336" s="10">
        <v>96.849500000000006</v>
      </c>
      <c r="F336" s="10">
        <v>73.990499999999997</v>
      </c>
      <c r="G336" s="10">
        <v>44.662750000000003</v>
      </c>
    </row>
    <row r="337" spans="1:7" x14ac:dyDescent="0.25">
      <c r="A337" s="10">
        <v>102</v>
      </c>
      <c r="B337" s="10">
        <v>152.4</v>
      </c>
      <c r="C337" s="10">
        <v>137.98750000000001</v>
      </c>
      <c r="D337" s="10">
        <v>117.755</v>
      </c>
      <c r="E337" s="10">
        <v>96.671499999999995</v>
      </c>
      <c r="F337" s="10">
        <v>73.998000000000005</v>
      </c>
      <c r="G337" s="10">
        <v>44.823999999999998</v>
      </c>
    </row>
    <row r="338" spans="1:7" x14ac:dyDescent="0.25">
      <c r="A338" s="10">
        <v>102.5</v>
      </c>
      <c r="B338" s="10">
        <v>151.345</v>
      </c>
      <c r="C338" s="10">
        <v>137.2175</v>
      </c>
      <c r="D338" s="10">
        <v>117.3075</v>
      </c>
      <c r="E338" s="10">
        <v>96.467749999999995</v>
      </c>
      <c r="F338" s="10">
        <v>74.023750000000007</v>
      </c>
      <c r="G338" s="10">
        <v>45.011749999999999</v>
      </c>
    </row>
    <row r="339" spans="1:7" x14ac:dyDescent="0.25">
      <c r="A339" s="10">
        <v>103</v>
      </c>
      <c r="B339" s="10">
        <v>150.27250000000001</v>
      </c>
      <c r="C339" s="10">
        <v>136.4325</v>
      </c>
      <c r="D339" s="10">
        <v>116.86750000000001</v>
      </c>
      <c r="E339" s="10">
        <v>96.293750000000003</v>
      </c>
      <c r="F339" s="10">
        <v>74.040999999999997</v>
      </c>
      <c r="G339" s="10">
        <v>45.179000000000002</v>
      </c>
    </row>
    <row r="340" spans="1:7" x14ac:dyDescent="0.25">
      <c r="A340" s="10">
        <v>103.5</v>
      </c>
      <c r="B340" s="10">
        <v>149.20750000000001</v>
      </c>
      <c r="C340" s="10">
        <v>135.66249999999999</v>
      </c>
      <c r="D340" s="10">
        <v>116.355</v>
      </c>
      <c r="E340" s="10">
        <v>96.119500000000002</v>
      </c>
      <c r="F340" s="10">
        <v>74.107500000000002</v>
      </c>
      <c r="G340" s="10">
        <v>45.333750000000002</v>
      </c>
    </row>
    <row r="341" spans="1:7" x14ac:dyDescent="0.25">
      <c r="A341" s="10">
        <v>104</v>
      </c>
      <c r="B341" s="10">
        <v>148.22999999999999</v>
      </c>
      <c r="C341" s="10">
        <v>134.91749999999999</v>
      </c>
      <c r="D341" s="10">
        <v>115.92749999999999</v>
      </c>
      <c r="E341" s="10">
        <v>95.957999999999998</v>
      </c>
      <c r="F341" s="10">
        <v>74.056749999999994</v>
      </c>
      <c r="G341" s="10">
        <v>45.451999999999998</v>
      </c>
    </row>
    <row r="342" spans="1:7" x14ac:dyDescent="0.25">
      <c r="A342" s="10">
        <v>104.5</v>
      </c>
      <c r="B342" s="10">
        <v>147.22</v>
      </c>
      <c r="C342" s="10">
        <v>134.11250000000001</v>
      </c>
      <c r="D342" s="10">
        <v>115.4675</v>
      </c>
      <c r="E342" s="10">
        <v>95.751999999999995</v>
      </c>
      <c r="F342" s="10">
        <v>74.082750000000004</v>
      </c>
      <c r="G342" s="10">
        <v>45.635249999999999</v>
      </c>
    </row>
    <row r="343" spans="1:7" x14ac:dyDescent="0.25">
      <c r="A343" s="10">
        <v>105</v>
      </c>
      <c r="B343" s="10">
        <v>146.2225</v>
      </c>
      <c r="C343" s="10">
        <v>133.4025</v>
      </c>
      <c r="D343" s="10">
        <v>115.00749999999999</v>
      </c>
      <c r="E343" s="10">
        <v>95.553749999999994</v>
      </c>
      <c r="F343" s="10">
        <v>74.078000000000003</v>
      </c>
      <c r="G343" s="10">
        <v>45.843249999999998</v>
      </c>
    </row>
    <row r="344" spans="1:7" x14ac:dyDescent="0.25">
      <c r="A344" s="10">
        <v>105.5</v>
      </c>
      <c r="B344" s="10">
        <v>145.22499999999999</v>
      </c>
      <c r="C344" s="10">
        <v>132.6825</v>
      </c>
      <c r="D344" s="10">
        <v>114.535</v>
      </c>
      <c r="E344" s="10">
        <v>95.322500000000005</v>
      </c>
      <c r="F344" s="10">
        <v>74.102999999999994</v>
      </c>
      <c r="G344" s="10">
        <v>45.927999999999997</v>
      </c>
    </row>
    <row r="345" spans="1:7" x14ac:dyDescent="0.25">
      <c r="A345" s="10">
        <v>106</v>
      </c>
      <c r="B345" s="10">
        <v>144.2825</v>
      </c>
      <c r="C345" s="10">
        <v>131.91249999999999</v>
      </c>
      <c r="D345" s="10">
        <v>114.0975</v>
      </c>
      <c r="E345" s="10">
        <v>95.180250000000001</v>
      </c>
      <c r="F345" s="10">
        <v>74.008499999999998</v>
      </c>
      <c r="G345" s="10">
        <v>46.067999999999998</v>
      </c>
    </row>
    <row r="346" spans="1:7" x14ac:dyDescent="0.25">
      <c r="A346" s="10">
        <v>106.5</v>
      </c>
      <c r="B346" s="10">
        <v>143.32</v>
      </c>
      <c r="C346" s="10">
        <v>131.13999999999999</v>
      </c>
      <c r="D346" s="10">
        <v>113.64</v>
      </c>
      <c r="E346" s="10">
        <v>94.953749999999999</v>
      </c>
      <c r="F346" s="10">
        <v>74.058750000000003</v>
      </c>
      <c r="G346" s="10">
        <v>46.199750000000002</v>
      </c>
    </row>
    <row r="347" spans="1:7" x14ac:dyDescent="0.25">
      <c r="A347" s="10">
        <v>107</v>
      </c>
      <c r="B347" s="10">
        <v>142.345</v>
      </c>
      <c r="C347" s="10">
        <v>130.45249999999999</v>
      </c>
      <c r="D347" s="10">
        <v>113.175</v>
      </c>
      <c r="E347" s="10">
        <v>94.734999999999999</v>
      </c>
      <c r="F347" s="10">
        <v>73.999750000000006</v>
      </c>
      <c r="G347" s="10">
        <v>46.368749999999999</v>
      </c>
    </row>
    <row r="348" spans="1:7" x14ac:dyDescent="0.25">
      <c r="A348" s="10">
        <v>107.5</v>
      </c>
      <c r="B348" s="10">
        <v>141.42250000000001</v>
      </c>
      <c r="C348" s="10">
        <v>129.71</v>
      </c>
      <c r="D348" s="10">
        <v>112.7225</v>
      </c>
      <c r="E348" s="10">
        <v>94.549750000000003</v>
      </c>
      <c r="F348" s="10">
        <v>73.959000000000003</v>
      </c>
      <c r="G348" s="10">
        <v>46.486499999999999</v>
      </c>
    </row>
    <row r="349" spans="1:7" x14ac:dyDescent="0.25">
      <c r="A349" s="10">
        <v>108</v>
      </c>
      <c r="B349" s="10">
        <v>140.5275</v>
      </c>
      <c r="C349" s="10">
        <v>129.005</v>
      </c>
      <c r="D349" s="10">
        <v>112.24</v>
      </c>
      <c r="E349" s="10">
        <v>94.305250000000001</v>
      </c>
      <c r="F349" s="10">
        <v>73.971000000000004</v>
      </c>
      <c r="G349" s="10">
        <v>46.605499999999999</v>
      </c>
    </row>
    <row r="350" spans="1:7" x14ac:dyDescent="0.25">
      <c r="A350" s="10">
        <v>108.5</v>
      </c>
      <c r="B350" s="10">
        <v>139.60249999999999</v>
      </c>
      <c r="C350" s="10">
        <v>128.33500000000001</v>
      </c>
      <c r="D350" s="10">
        <v>111.80249999999999</v>
      </c>
      <c r="E350" s="10">
        <v>94.081500000000005</v>
      </c>
      <c r="F350" s="10">
        <v>73.934749999999994</v>
      </c>
      <c r="G350" s="10">
        <v>46.757750000000001</v>
      </c>
    </row>
    <row r="351" spans="1:7" x14ac:dyDescent="0.25">
      <c r="A351" s="10">
        <v>109</v>
      </c>
      <c r="B351" s="10">
        <v>138.6825</v>
      </c>
      <c r="C351" s="10">
        <v>127.5825</v>
      </c>
      <c r="D351" s="10">
        <v>111.36</v>
      </c>
      <c r="E351" s="10">
        <v>93.899749999999997</v>
      </c>
      <c r="F351" s="10">
        <v>73.881749999999997</v>
      </c>
      <c r="G351" s="10">
        <v>46.867750000000001</v>
      </c>
    </row>
    <row r="352" spans="1:7" x14ac:dyDescent="0.25">
      <c r="A352" s="10">
        <v>109.5</v>
      </c>
      <c r="B352" s="10">
        <v>137.85249999999999</v>
      </c>
      <c r="C352" s="10">
        <v>126.9025</v>
      </c>
      <c r="D352" s="10">
        <v>110.91500000000001</v>
      </c>
      <c r="E352" s="10">
        <v>93.665999999999997</v>
      </c>
      <c r="F352" s="10">
        <v>73.862499999999997</v>
      </c>
      <c r="G352" s="10">
        <v>46.969499999999996</v>
      </c>
    </row>
    <row r="353" spans="1:7" x14ac:dyDescent="0.25">
      <c r="A353" s="10">
        <v>110</v>
      </c>
      <c r="B353" s="10">
        <v>136.94</v>
      </c>
      <c r="C353" s="10">
        <v>126.215</v>
      </c>
      <c r="D353" s="10">
        <v>110.4675</v>
      </c>
      <c r="E353" s="10">
        <v>93.432749999999999</v>
      </c>
      <c r="F353" s="10">
        <v>73.818250000000006</v>
      </c>
      <c r="G353" s="10">
        <v>47.09075</v>
      </c>
    </row>
    <row r="354" spans="1:7" x14ac:dyDescent="0.25">
      <c r="A354" s="10">
        <v>110.5</v>
      </c>
      <c r="B354" s="10">
        <v>136.0925</v>
      </c>
      <c r="C354" s="10">
        <v>125.50749999999999</v>
      </c>
      <c r="D354" s="10">
        <v>110.0025</v>
      </c>
      <c r="E354" s="10">
        <v>93.194249999999997</v>
      </c>
      <c r="F354" s="10">
        <v>73.774249999999995</v>
      </c>
      <c r="G354" s="10">
        <v>47.215499999999999</v>
      </c>
    </row>
    <row r="355" spans="1:7" x14ac:dyDescent="0.25">
      <c r="A355" s="10">
        <v>111</v>
      </c>
      <c r="B355" s="10">
        <v>135.23249999999999</v>
      </c>
      <c r="C355" s="10">
        <v>124.88</v>
      </c>
      <c r="D355" s="10">
        <v>109.5775</v>
      </c>
      <c r="E355" s="10">
        <v>92.964749999999995</v>
      </c>
      <c r="F355" s="10">
        <v>73.6905</v>
      </c>
      <c r="G355" s="10">
        <v>47.333500000000001</v>
      </c>
    </row>
    <row r="356" spans="1:7" x14ac:dyDescent="0.25">
      <c r="A356" s="10">
        <v>111.5</v>
      </c>
      <c r="B356" s="10">
        <v>134.38749999999999</v>
      </c>
      <c r="C356" s="10">
        <v>124.21250000000001</v>
      </c>
      <c r="D356" s="10">
        <v>109.15</v>
      </c>
      <c r="E356" s="10">
        <v>92.701250000000002</v>
      </c>
      <c r="F356" s="10">
        <v>73.628749999999997</v>
      </c>
      <c r="G356" s="10">
        <v>47.438000000000002</v>
      </c>
    </row>
    <row r="357" spans="1:7" x14ac:dyDescent="0.25">
      <c r="A357" s="10">
        <v>112</v>
      </c>
      <c r="B357" s="10">
        <v>133.57749999999999</v>
      </c>
      <c r="C357" s="10">
        <v>123.53</v>
      </c>
      <c r="D357" s="10">
        <v>108.7025</v>
      </c>
      <c r="E357" s="10">
        <v>92.52825</v>
      </c>
      <c r="F357" s="10">
        <v>73.58475</v>
      </c>
      <c r="G357" s="10">
        <v>47.541249999999998</v>
      </c>
    </row>
    <row r="358" spans="1:7" x14ac:dyDescent="0.25">
      <c r="A358" s="10">
        <v>112.5</v>
      </c>
      <c r="B358" s="10">
        <v>132.72749999999999</v>
      </c>
      <c r="C358" s="10">
        <v>122.9025</v>
      </c>
      <c r="D358" s="10">
        <v>108.2325</v>
      </c>
      <c r="E358" s="10">
        <v>92.281000000000006</v>
      </c>
      <c r="F358" s="10">
        <v>73.506</v>
      </c>
      <c r="G358" s="10">
        <v>47.649000000000001</v>
      </c>
    </row>
    <row r="359" spans="1:7" x14ac:dyDescent="0.25">
      <c r="A359" s="10">
        <v>113</v>
      </c>
      <c r="B359" s="10">
        <v>131.92750000000001</v>
      </c>
      <c r="C359" s="10">
        <v>122.205</v>
      </c>
      <c r="D359" s="10">
        <v>107.8</v>
      </c>
      <c r="E359" s="10">
        <v>92.029499999999999</v>
      </c>
      <c r="F359" s="10">
        <v>73.448750000000004</v>
      </c>
      <c r="G359" s="10">
        <v>47.758749999999999</v>
      </c>
    </row>
    <row r="360" spans="1:7" x14ac:dyDescent="0.25">
      <c r="A360" s="10">
        <v>113.5</v>
      </c>
      <c r="B360" s="10">
        <v>131.16</v>
      </c>
      <c r="C360" s="10">
        <v>121.5925</v>
      </c>
      <c r="D360" s="10">
        <v>107.35980000000001</v>
      </c>
      <c r="E360" s="10">
        <v>91.809749999999994</v>
      </c>
      <c r="F360" s="10">
        <v>73.354500000000002</v>
      </c>
      <c r="G360" s="10">
        <v>47.844250000000002</v>
      </c>
    </row>
    <row r="361" spans="1:7" x14ac:dyDescent="0.25">
      <c r="A361" s="10">
        <v>114</v>
      </c>
      <c r="B361" s="10">
        <v>130.345</v>
      </c>
      <c r="C361" s="10">
        <v>120.9375</v>
      </c>
      <c r="D361" s="10">
        <v>106.907</v>
      </c>
      <c r="E361" s="10">
        <v>91.54325</v>
      </c>
      <c r="F361" s="10">
        <v>73.305750000000003</v>
      </c>
      <c r="G361" s="10">
        <v>47.938249999999996</v>
      </c>
    </row>
    <row r="362" spans="1:7" x14ac:dyDescent="0.25">
      <c r="A362" s="10">
        <v>114.5</v>
      </c>
      <c r="B362" s="10">
        <v>129.57499999999999</v>
      </c>
      <c r="C362" s="10">
        <v>120.32</v>
      </c>
      <c r="D362" s="10">
        <v>106.489</v>
      </c>
      <c r="E362" s="10">
        <v>91.3245</v>
      </c>
      <c r="F362" s="10">
        <v>73.20975</v>
      </c>
      <c r="G362" s="10">
        <v>47.984749999999998</v>
      </c>
    </row>
    <row r="363" spans="1:7" x14ac:dyDescent="0.25">
      <c r="A363" s="10">
        <v>115</v>
      </c>
      <c r="B363" s="10">
        <v>128.79499999999999</v>
      </c>
      <c r="C363" s="10">
        <v>119.6925</v>
      </c>
      <c r="D363" s="10">
        <v>106.0453</v>
      </c>
      <c r="E363" s="10">
        <v>91.073499999999996</v>
      </c>
      <c r="F363" s="10">
        <v>73.135000000000005</v>
      </c>
      <c r="G363" s="10">
        <v>48.1205</v>
      </c>
    </row>
    <row r="364" spans="1:7" x14ac:dyDescent="0.25">
      <c r="A364" s="10">
        <v>115.5</v>
      </c>
      <c r="B364" s="10">
        <v>128.04499999999999</v>
      </c>
      <c r="C364" s="10">
        <v>119.065</v>
      </c>
      <c r="D364" s="10">
        <v>105.6095</v>
      </c>
      <c r="E364" s="10">
        <v>90.8215</v>
      </c>
      <c r="F364" s="10">
        <v>73.042500000000004</v>
      </c>
      <c r="G364" s="10">
        <v>48.207500000000003</v>
      </c>
    </row>
    <row r="365" spans="1:7" x14ac:dyDescent="0.25">
      <c r="A365" s="10">
        <v>116</v>
      </c>
      <c r="B365" s="10">
        <v>127.27</v>
      </c>
      <c r="C365" s="10">
        <v>118.4425</v>
      </c>
      <c r="D365" s="10">
        <v>105.2093</v>
      </c>
      <c r="E365" s="10">
        <v>90.573999999999998</v>
      </c>
      <c r="F365" s="10">
        <v>72.941500000000005</v>
      </c>
      <c r="G365" s="10">
        <v>48.289749999999998</v>
      </c>
    </row>
    <row r="366" spans="1:7" x14ac:dyDescent="0.25">
      <c r="A366" s="10">
        <v>116.5</v>
      </c>
      <c r="B366" s="10">
        <v>126.5625</v>
      </c>
      <c r="C366" s="10">
        <v>117.8475</v>
      </c>
      <c r="D366" s="10">
        <v>104.756</v>
      </c>
      <c r="E366" s="10">
        <v>90.343500000000006</v>
      </c>
      <c r="F366" s="10">
        <v>72.858000000000004</v>
      </c>
      <c r="G366" s="10">
        <v>48.35425</v>
      </c>
    </row>
    <row r="367" spans="1:7" x14ac:dyDescent="0.25">
      <c r="A367" s="10">
        <v>117</v>
      </c>
      <c r="B367" s="10">
        <v>125.7975</v>
      </c>
      <c r="C367" s="10">
        <v>117.235</v>
      </c>
      <c r="D367" s="10">
        <v>104.36750000000001</v>
      </c>
      <c r="E367" s="10">
        <v>90.051500000000004</v>
      </c>
      <c r="F367" s="10">
        <v>72.774749999999997</v>
      </c>
      <c r="G367" s="10">
        <v>48.41375</v>
      </c>
    </row>
    <row r="368" spans="1:7" x14ac:dyDescent="0.25">
      <c r="A368" s="10">
        <v>117.5</v>
      </c>
      <c r="B368" s="10">
        <v>125.07</v>
      </c>
      <c r="C368" s="10">
        <v>116.6125</v>
      </c>
      <c r="D368" s="10">
        <v>103.907</v>
      </c>
      <c r="E368" s="10">
        <v>89.812749999999994</v>
      </c>
      <c r="F368" s="10">
        <v>72.706500000000005</v>
      </c>
      <c r="G368" s="10">
        <v>48.483249999999998</v>
      </c>
    </row>
    <row r="369" spans="1:7" x14ac:dyDescent="0.25">
      <c r="A369" s="10">
        <v>118</v>
      </c>
      <c r="B369" s="10">
        <v>124.34</v>
      </c>
      <c r="C369" s="10">
        <v>116.0425</v>
      </c>
      <c r="D369" s="10">
        <v>103.501</v>
      </c>
      <c r="E369" s="10">
        <v>89.569749999999999</v>
      </c>
      <c r="F369" s="10">
        <v>72.579499999999996</v>
      </c>
      <c r="G369" s="10">
        <v>48.572249999999997</v>
      </c>
    </row>
    <row r="370" spans="1:7" x14ac:dyDescent="0.25">
      <c r="A370" s="10">
        <v>118.5</v>
      </c>
      <c r="B370" s="10">
        <v>123.65</v>
      </c>
      <c r="C370" s="10">
        <v>115.455</v>
      </c>
      <c r="D370" s="10">
        <v>103.0635</v>
      </c>
      <c r="E370" s="10">
        <v>89.330500000000001</v>
      </c>
      <c r="F370" s="10">
        <v>72.480999999999995</v>
      </c>
      <c r="G370" s="10">
        <v>48.658749999999998</v>
      </c>
    </row>
    <row r="371" spans="1:7" x14ac:dyDescent="0.25">
      <c r="A371" s="10">
        <v>119</v>
      </c>
      <c r="B371" s="10">
        <v>122.9875</v>
      </c>
      <c r="C371" s="10">
        <v>114.88</v>
      </c>
      <c r="D371" s="10">
        <v>102.65179999999999</v>
      </c>
      <c r="E371" s="10">
        <v>89.092250000000007</v>
      </c>
      <c r="F371" s="10">
        <v>72.376249999999999</v>
      </c>
      <c r="G371" s="10">
        <v>48.704250000000002</v>
      </c>
    </row>
    <row r="372" spans="1:7" x14ac:dyDescent="0.25">
      <c r="A372" s="10">
        <v>119.5</v>
      </c>
      <c r="B372" s="10">
        <v>122.2825</v>
      </c>
      <c r="C372" s="10">
        <v>114.3175</v>
      </c>
      <c r="D372" s="10">
        <v>102.235</v>
      </c>
      <c r="E372" s="10">
        <v>88.845749999999995</v>
      </c>
      <c r="F372" s="10">
        <v>72.266249999999999</v>
      </c>
      <c r="G372" s="10">
        <v>48.749250000000004</v>
      </c>
    </row>
    <row r="373" spans="1:7" x14ac:dyDescent="0.25">
      <c r="A373" s="10">
        <v>120</v>
      </c>
      <c r="B373" s="10">
        <v>121.61499999999999</v>
      </c>
      <c r="C373" s="10">
        <v>113.7675</v>
      </c>
      <c r="D373" s="10">
        <v>101.8313</v>
      </c>
      <c r="E373" s="10">
        <v>88.554000000000002</v>
      </c>
      <c r="F373" s="10">
        <v>72.176000000000002</v>
      </c>
      <c r="G373" s="10">
        <v>48.794750000000001</v>
      </c>
    </row>
    <row r="374" spans="1:7" x14ac:dyDescent="0.25">
      <c r="A374" s="10">
        <v>120.5</v>
      </c>
      <c r="B374" s="10">
        <v>120.92</v>
      </c>
      <c r="C374" s="10">
        <v>113.18</v>
      </c>
      <c r="D374" s="10">
        <v>101.4115</v>
      </c>
      <c r="E374" s="10">
        <v>88.334000000000003</v>
      </c>
      <c r="F374" s="10">
        <v>72.097750000000005</v>
      </c>
      <c r="G374" s="10">
        <v>48.897500000000001</v>
      </c>
    </row>
    <row r="375" spans="1:7" x14ac:dyDescent="0.25">
      <c r="A375" s="10">
        <v>121</v>
      </c>
      <c r="B375" s="10">
        <v>120.25749999999999</v>
      </c>
      <c r="C375" s="10">
        <v>112.61499999999999</v>
      </c>
      <c r="D375" s="10">
        <v>100.9915</v>
      </c>
      <c r="E375" s="10">
        <v>88.076750000000004</v>
      </c>
      <c r="F375" s="10">
        <v>71.947000000000003</v>
      </c>
      <c r="G375" s="10">
        <v>48.937750000000001</v>
      </c>
    </row>
    <row r="376" spans="1:7" x14ac:dyDescent="0.25">
      <c r="A376" s="10">
        <v>121.5</v>
      </c>
      <c r="B376" s="10">
        <v>119.64</v>
      </c>
      <c r="C376" s="10">
        <v>112.0675</v>
      </c>
      <c r="D376" s="10">
        <v>100.605</v>
      </c>
      <c r="E376" s="10">
        <v>87.840999999999994</v>
      </c>
      <c r="F376" s="10">
        <v>71.848500000000001</v>
      </c>
      <c r="G376" s="10">
        <v>48.980499999999999</v>
      </c>
    </row>
    <row r="377" spans="1:7" x14ac:dyDescent="0.25">
      <c r="A377" s="10">
        <v>122</v>
      </c>
      <c r="B377" s="10">
        <v>118.99</v>
      </c>
      <c r="C377" s="10">
        <v>111.535</v>
      </c>
      <c r="D377" s="10">
        <v>100.1825</v>
      </c>
      <c r="E377" s="10">
        <v>87.592250000000007</v>
      </c>
      <c r="F377" s="10">
        <v>71.745999999999995</v>
      </c>
      <c r="G377" s="10">
        <v>49.018500000000003</v>
      </c>
    </row>
    <row r="378" spans="1:7" x14ac:dyDescent="0.25">
      <c r="A378" s="10">
        <v>122.5</v>
      </c>
      <c r="B378" s="10">
        <v>118.3175</v>
      </c>
      <c r="C378" s="10">
        <v>110.9725</v>
      </c>
      <c r="D378" s="10">
        <v>99.784000000000006</v>
      </c>
      <c r="E378" s="10">
        <v>87.3185</v>
      </c>
      <c r="F378" s="10">
        <v>71.593249999999998</v>
      </c>
      <c r="G378" s="10">
        <v>49.090499999999999</v>
      </c>
    </row>
    <row r="379" spans="1:7" x14ac:dyDescent="0.25">
      <c r="A379" s="10">
        <v>123</v>
      </c>
      <c r="B379" s="10">
        <v>117.72750000000001</v>
      </c>
      <c r="C379" s="10">
        <v>110.43</v>
      </c>
      <c r="D379" s="10">
        <v>99.391249999999999</v>
      </c>
      <c r="E379" s="10">
        <v>87.085499999999996</v>
      </c>
      <c r="F379" s="10">
        <v>71.499750000000006</v>
      </c>
      <c r="G379" s="10">
        <v>49.120750000000001</v>
      </c>
    </row>
    <row r="380" spans="1:7" x14ac:dyDescent="0.25">
      <c r="A380" s="10">
        <v>123.5</v>
      </c>
      <c r="B380" s="10">
        <v>117.09</v>
      </c>
      <c r="C380" s="10">
        <v>109.91500000000001</v>
      </c>
      <c r="D380" s="10">
        <v>99.025750000000002</v>
      </c>
      <c r="E380" s="10">
        <v>86.809250000000006</v>
      </c>
      <c r="F380" s="10">
        <v>71.375249999999994</v>
      </c>
      <c r="G380" s="10">
        <v>49.167999999999999</v>
      </c>
    </row>
    <row r="381" spans="1:7" x14ac:dyDescent="0.25">
      <c r="A381" s="10">
        <v>124</v>
      </c>
      <c r="B381" s="10">
        <v>116.46</v>
      </c>
      <c r="C381" s="10">
        <v>109.4025</v>
      </c>
      <c r="D381" s="10">
        <v>98.563500000000005</v>
      </c>
      <c r="E381" s="10">
        <v>86.57</v>
      </c>
      <c r="F381" s="10">
        <v>71.246750000000006</v>
      </c>
      <c r="G381" s="10">
        <v>49.2</v>
      </c>
    </row>
    <row r="382" spans="1:7" x14ac:dyDescent="0.25">
      <c r="A382" s="10">
        <v>124.5</v>
      </c>
      <c r="B382" s="10">
        <v>115.88500000000001</v>
      </c>
      <c r="C382" s="10">
        <v>108.89749999999999</v>
      </c>
      <c r="D382" s="10">
        <v>98.228250000000003</v>
      </c>
      <c r="E382" s="10">
        <v>86.299499999999995</v>
      </c>
      <c r="F382" s="10">
        <v>71.158749999999998</v>
      </c>
      <c r="G382" s="10">
        <v>49.231499999999997</v>
      </c>
    </row>
    <row r="383" spans="1:7" x14ac:dyDescent="0.25">
      <c r="A383" s="10">
        <v>125</v>
      </c>
      <c r="B383" s="10">
        <v>115.2775</v>
      </c>
      <c r="C383" s="10">
        <v>108.35</v>
      </c>
      <c r="D383" s="10">
        <v>97.816500000000005</v>
      </c>
      <c r="E383" s="10">
        <v>86.047749999999994</v>
      </c>
      <c r="F383" s="10">
        <v>71.012500000000003</v>
      </c>
      <c r="G383" s="10">
        <v>49.283499999999997</v>
      </c>
    </row>
    <row r="384" spans="1:7" x14ac:dyDescent="0.25">
      <c r="A384" s="10">
        <v>125.5</v>
      </c>
      <c r="B384" s="10">
        <v>114.71</v>
      </c>
      <c r="C384" s="10">
        <v>107.85</v>
      </c>
      <c r="D384" s="10">
        <v>97.433750000000003</v>
      </c>
      <c r="E384" s="10">
        <v>85.789249999999996</v>
      </c>
      <c r="F384" s="10">
        <v>70.873500000000007</v>
      </c>
      <c r="G384" s="10">
        <v>49.314250000000001</v>
      </c>
    </row>
    <row r="385" spans="1:7" x14ac:dyDescent="0.25">
      <c r="A385" s="10">
        <v>126</v>
      </c>
      <c r="B385" s="10">
        <v>114.07250000000001</v>
      </c>
      <c r="C385" s="10">
        <v>107.34350000000001</v>
      </c>
      <c r="D385" s="10">
        <v>97.077749999999995</v>
      </c>
      <c r="E385" s="10">
        <v>85.536749999999998</v>
      </c>
      <c r="F385" s="10">
        <v>70.768500000000003</v>
      </c>
      <c r="G385" s="10">
        <v>49.366500000000002</v>
      </c>
    </row>
    <row r="386" spans="1:7" x14ac:dyDescent="0.25">
      <c r="A386" s="10">
        <v>126.5</v>
      </c>
      <c r="B386" s="10">
        <v>113.515</v>
      </c>
      <c r="C386" s="10">
        <v>106.833</v>
      </c>
      <c r="D386" s="10">
        <v>96.676000000000002</v>
      </c>
      <c r="E386" s="10">
        <v>85.299250000000001</v>
      </c>
      <c r="F386" s="10">
        <v>70.611999999999995</v>
      </c>
      <c r="G386" s="10">
        <v>49.377499999999998</v>
      </c>
    </row>
    <row r="387" spans="1:7" x14ac:dyDescent="0.25">
      <c r="A387" s="10">
        <v>127</v>
      </c>
      <c r="B387" s="10">
        <v>112.92749999999999</v>
      </c>
      <c r="C387" s="10">
        <v>106.3578</v>
      </c>
      <c r="D387" s="10">
        <v>96.301500000000004</v>
      </c>
      <c r="E387" s="10">
        <v>85.038749999999993</v>
      </c>
      <c r="F387" s="10">
        <v>70.525750000000002</v>
      </c>
      <c r="G387" s="10">
        <v>49.412999999999997</v>
      </c>
    </row>
    <row r="388" spans="1:7" x14ac:dyDescent="0.25">
      <c r="A388" s="10">
        <v>127.5</v>
      </c>
      <c r="B388" s="10">
        <v>112.36</v>
      </c>
      <c r="C388" s="10">
        <v>105.8798</v>
      </c>
      <c r="D388" s="10">
        <v>95.9375</v>
      </c>
      <c r="E388" s="10">
        <v>84.822500000000005</v>
      </c>
      <c r="F388" s="10">
        <v>70.359250000000003</v>
      </c>
      <c r="G388" s="10">
        <v>49.421750000000003</v>
      </c>
    </row>
    <row r="389" spans="1:7" x14ac:dyDescent="0.25">
      <c r="A389" s="10">
        <v>128</v>
      </c>
      <c r="B389" s="10">
        <v>111.78</v>
      </c>
      <c r="C389" s="10">
        <v>105.3935</v>
      </c>
      <c r="D389" s="10">
        <v>95.561250000000001</v>
      </c>
      <c r="E389" s="10">
        <v>84.559250000000006</v>
      </c>
      <c r="F389" s="10">
        <v>70.239750000000001</v>
      </c>
      <c r="G389" s="10">
        <v>49.468499999999999</v>
      </c>
    </row>
    <row r="390" spans="1:7" x14ac:dyDescent="0.25">
      <c r="A390" s="10">
        <v>128.5</v>
      </c>
      <c r="B390" s="10">
        <v>111.245</v>
      </c>
      <c r="C390" s="10">
        <v>104.90179999999999</v>
      </c>
      <c r="D390" s="10">
        <v>95.171499999999995</v>
      </c>
      <c r="E390" s="10">
        <v>84.3065</v>
      </c>
      <c r="F390" s="10">
        <v>70.123999999999995</v>
      </c>
      <c r="G390" s="10">
        <v>49.447000000000003</v>
      </c>
    </row>
    <row r="391" spans="1:7" x14ac:dyDescent="0.25">
      <c r="A391" s="10">
        <v>129</v>
      </c>
      <c r="B391" s="10">
        <v>110.7175</v>
      </c>
      <c r="C391" s="10">
        <v>104.4093</v>
      </c>
      <c r="D391" s="10">
        <v>94.776499999999999</v>
      </c>
      <c r="E391" s="10">
        <v>84.045500000000004</v>
      </c>
      <c r="F391" s="10">
        <v>69.983000000000004</v>
      </c>
      <c r="G391" s="10">
        <v>49.480499999999999</v>
      </c>
    </row>
    <row r="392" spans="1:7" x14ac:dyDescent="0.25">
      <c r="A392" s="10">
        <v>129.5</v>
      </c>
      <c r="B392" s="10">
        <v>110.145</v>
      </c>
      <c r="C392" s="10">
        <v>103.9413</v>
      </c>
      <c r="D392" s="10">
        <v>94.443749999999994</v>
      </c>
      <c r="E392" s="10">
        <v>83.816000000000003</v>
      </c>
      <c r="F392" s="10">
        <v>69.848749999999995</v>
      </c>
      <c r="G392" s="10">
        <v>49.515999999999998</v>
      </c>
    </row>
    <row r="393" spans="1:7" x14ac:dyDescent="0.25">
      <c r="A393" s="10">
        <v>130</v>
      </c>
      <c r="B393" s="10">
        <v>109.65</v>
      </c>
      <c r="C393" s="10">
        <v>103.4695</v>
      </c>
      <c r="D393" s="10">
        <v>94.100250000000003</v>
      </c>
      <c r="E393" s="10">
        <v>83.562749999999994</v>
      </c>
      <c r="F393" s="10">
        <v>69.709999999999994</v>
      </c>
      <c r="G393" s="10">
        <v>49.511499999999998</v>
      </c>
    </row>
    <row r="394" spans="1:7" x14ac:dyDescent="0.25">
      <c r="A394" s="10">
        <v>130.5</v>
      </c>
      <c r="B394" s="10">
        <v>109.1075</v>
      </c>
      <c r="C394" s="10">
        <v>102.989</v>
      </c>
      <c r="D394" s="10">
        <v>93.712249999999997</v>
      </c>
      <c r="E394" s="10">
        <v>83.298000000000002</v>
      </c>
      <c r="F394" s="10">
        <v>69.580250000000007</v>
      </c>
      <c r="G394" s="10">
        <v>49.541249999999998</v>
      </c>
    </row>
    <row r="395" spans="1:7" x14ac:dyDescent="0.25">
      <c r="A395" s="10">
        <v>131</v>
      </c>
      <c r="B395" s="10">
        <v>108.58750000000001</v>
      </c>
      <c r="C395" s="10">
        <v>102.5438</v>
      </c>
      <c r="D395" s="10">
        <v>93.340249999999997</v>
      </c>
      <c r="E395" s="10">
        <v>83.061750000000004</v>
      </c>
      <c r="F395" s="10">
        <v>69.438999999999993</v>
      </c>
      <c r="G395" s="10">
        <v>49.553750000000001</v>
      </c>
    </row>
    <row r="396" spans="1:7" x14ac:dyDescent="0.25">
      <c r="A396" s="10">
        <v>131.5</v>
      </c>
      <c r="B396" s="10">
        <v>108.06</v>
      </c>
      <c r="C396" s="10">
        <v>102.1023</v>
      </c>
      <c r="D396" s="10">
        <v>92.997749999999996</v>
      </c>
      <c r="E396" s="10">
        <v>82.819000000000003</v>
      </c>
      <c r="F396" s="10">
        <v>69.301000000000002</v>
      </c>
      <c r="G396" s="10">
        <v>49.566749999999999</v>
      </c>
    </row>
    <row r="397" spans="1:7" x14ac:dyDescent="0.25">
      <c r="A397" s="10">
        <v>132</v>
      </c>
      <c r="B397" s="10">
        <v>107.58</v>
      </c>
      <c r="C397" s="10">
        <v>101.64530000000001</v>
      </c>
      <c r="D397" s="10">
        <v>92.660250000000005</v>
      </c>
      <c r="E397" s="10">
        <v>82.552999999999997</v>
      </c>
      <c r="F397" s="10">
        <v>69.149749999999997</v>
      </c>
      <c r="G397" s="10">
        <v>49.565249999999999</v>
      </c>
    </row>
    <row r="398" spans="1:7" x14ac:dyDescent="0.25">
      <c r="A398" s="10">
        <v>132.5</v>
      </c>
      <c r="B398" s="10">
        <v>107.065</v>
      </c>
      <c r="C398" s="10">
        <v>101.2045</v>
      </c>
      <c r="D398" s="10">
        <v>92.29025</v>
      </c>
      <c r="E398" s="10">
        <v>82.311999999999998</v>
      </c>
      <c r="F398" s="10">
        <v>69.005499999999998</v>
      </c>
      <c r="G398" s="10">
        <v>49.59375</v>
      </c>
    </row>
    <row r="399" spans="1:7" x14ac:dyDescent="0.25">
      <c r="A399" s="10">
        <v>133</v>
      </c>
      <c r="B399" s="10">
        <v>106.56</v>
      </c>
      <c r="C399" s="10">
        <v>100.74850000000001</v>
      </c>
      <c r="D399" s="10">
        <v>91.950500000000005</v>
      </c>
      <c r="E399" s="10">
        <v>82.09</v>
      </c>
      <c r="F399" s="10">
        <v>68.885499999999993</v>
      </c>
      <c r="G399" s="10">
        <v>49.579500000000003</v>
      </c>
    </row>
    <row r="400" spans="1:7" x14ac:dyDescent="0.25">
      <c r="A400" s="10">
        <v>133.5</v>
      </c>
      <c r="B400" s="10">
        <v>106.04430000000001</v>
      </c>
      <c r="C400" s="10">
        <v>100.3335</v>
      </c>
      <c r="D400" s="10">
        <v>91.632999999999996</v>
      </c>
      <c r="E400" s="10">
        <v>81.848249999999993</v>
      </c>
      <c r="F400" s="10">
        <v>68.749250000000004</v>
      </c>
      <c r="G400" s="10">
        <v>49.578749999999999</v>
      </c>
    </row>
    <row r="401" spans="1:7" x14ac:dyDescent="0.25">
      <c r="A401" s="10">
        <v>134</v>
      </c>
      <c r="B401" s="10">
        <v>105.5958</v>
      </c>
      <c r="C401" s="10">
        <v>99.891249999999999</v>
      </c>
      <c r="D401" s="10">
        <v>91.250249999999994</v>
      </c>
      <c r="E401" s="10">
        <v>81.609499999999997</v>
      </c>
      <c r="F401" s="10">
        <v>68.615750000000006</v>
      </c>
      <c r="G401" s="10">
        <v>49.6</v>
      </c>
    </row>
    <row r="402" spans="1:7" x14ac:dyDescent="0.25">
      <c r="A402" s="10">
        <v>134.5</v>
      </c>
      <c r="B402" s="10">
        <v>105.0865</v>
      </c>
      <c r="C402" s="10">
        <v>99.471249999999998</v>
      </c>
      <c r="D402" s="10">
        <v>90.91825</v>
      </c>
      <c r="E402" s="10">
        <v>81.370999999999995</v>
      </c>
      <c r="F402" s="10">
        <v>68.461749999999995</v>
      </c>
      <c r="G402" s="10">
        <v>49.613750000000003</v>
      </c>
    </row>
    <row r="403" spans="1:7" x14ac:dyDescent="0.25">
      <c r="A403" s="10">
        <v>135</v>
      </c>
      <c r="B403" s="10">
        <v>104.62949999999999</v>
      </c>
      <c r="C403" s="10">
        <v>99.028750000000002</v>
      </c>
      <c r="D403" s="10">
        <v>90.563500000000005</v>
      </c>
      <c r="E403" s="10">
        <v>81.121250000000003</v>
      </c>
      <c r="F403" s="10">
        <v>68.322999999999993</v>
      </c>
      <c r="G403" s="10">
        <v>49.606000000000002</v>
      </c>
    </row>
    <row r="404" spans="1:7" x14ac:dyDescent="0.25">
      <c r="A404" s="10">
        <v>135.5</v>
      </c>
      <c r="B404" s="10">
        <v>104.1553</v>
      </c>
      <c r="C404" s="10">
        <v>98.627250000000004</v>
      </c>
      <c r="D404" s="10">
        <v>90.226749999999996</v>
      </c>
      <c r="E404" s="10">
        <v>80.886250000000004</v>
      </c>
      <c r="F404" s="10">
        <v>68.173500000000004</v>
      </c>
      <c r="G404" s="10">
        <v>49.59975</v>
      </c>
    </row>
    <row r="405" spans="1:7" x14ac:dyDescent="0.25">
      <c r="A405" s="10">
        <v>136</v>
      </c>
      <c r="B405" s="10">
        <v>103.6803</v>
      </c>
      <c r="C405" s="10">
        <v>98.190749999999994</v>
      </c>
      <c r="D405" s="10">
        <v>89.902249999999995</v>
      </c>
      <c r="E405" s="10">
        <v>80.635999999999996</v>
      </c>
      <c r="F405" s="10">
        <v>68.03725</v>
      </c>
      <c r="G405" s="10">
        <v>49.561250000000001</v>
      </c>
    </row>
    <row r="406" spans="1:7" x14ac:dyDescent="0.25">
      <c r="A406" s="10">
        <v>136.5</v>
      </c>
      <c r="B406" s="10">
        <v>103.2175</v>
      </c>
      <c r="C406" s="10">
        <v>97.787999999999997</v>
      </c>
      <c r="D406" s="10">
        <v>89.551500000000004</v>
      </c>
      <c r="E406" s="10">
        <v>80.393249999999995</v>
      </c>
      <c r="F406" s="10">
        <v>67.900750000000002</v>
      </c>
      <c r="G406" s="10">
        <v>49.576000000000001</v>
      </c>
    </row>
    <row r="407" spans="1:7" x14ac:dyDescent="0.25">
      <c r="A407" s="10">
        <v>137</v>
      </c>
      <c r="B407" s="10">
        <v>102.7448</v>
      </c>
      <c r="C407" s="10">
        <v>97.383750000000006</v>
      </c>
      <c r="D407" s="10">
        <v>89.237750000000005</v>
      </c>
      <c r="E407" s="10">
        <v>80.138999999999996</v>
      </c>
      <c r="F407" s="10">
        <v>67.750249999999994</v>
      </c>
      <c r="G407" s="10">
        <v>49.572749999999999</v>
      </c>
    </row>
    <row r="408" spans="1:7" x14ac:dyDescent="0.25">
      <c r="A408" s="10">
        <v>137.5</v>
      </c>
      <c r="B408" s="10">
        <v>102.32729999999999</v>
      </c>
      <c r="C408" s="10">
        <v>96.965000000000003</v>
      </c>
      <c r="D408" s="10">
        <v>88.887749999999997</v>
      </c>
      <c r="E408" s="10">
        <v>79.906499999999994</v>
      </c>
      <c r="F408" s="10">
        <v>67.613</v>
      </c>
      <c r="G408" s="10">
        <v>49.567</v>
      </c>
    </row>
    <row r="409" spans="1:7" x14ac:dyDescent="0.25">
      <c r="A409" s="10">
        <v>138</v>
      </c>
      <c r="B409" s="10">
        <v>101.8613</v>
      </c>
      <c r="C409" s="10">
        <v>96.555250000000001</v>
      </c>
      <c r="D409" s="10">
        <v>88.588250000000002</v>
      </c>
      <c r="E409" s="10">
        <v>79.697249999999997</v>
      </c>
      <c r="F409" s="10">
        <v>67.465249999999997</v>
      </c>
      <c r="G409" s="10">
        <v>49.547750000000001</v>
      </c>
    </row>
    <row r="410" spans="1:7" x14ac:dyDescent="0.25">
      <c r="A410" s="10">
        <v>138.5</v>
      </c>
      <c r="B410" s="10">
        <v>101.41</v>
      </c>
      <c r="C410" s="10">
        <v>96.158249999999995</v>
      </c>
      <c r="D410" s="10">
        <v>88.242750000000001</v>
      </c>
      <c r="E410" s="10">
        <v>79.457999999999998</v>
      </c>
      <c r="F410" s="10">
        <v>67.3185</v>
      </c>
      <c r="G410" s="10">
        <v>49.558500000000002</v>
      </c>
    </row>
    <row r="411" spans="1:7" x14ac:dyDescent="0.25">
      <c r="A411" s="10">
        <v>139</v>
      </c>
      <c r="B411" s="10">
        <v>101.00149999999999</v>
      </c>
      <c r="C411" s="10">
        <v>95.767750000000007</v>
      </c>
      <c r="D411" s="10">
        <v>87.947749999999999</v>
      </c>
      <c r="E411" s="10">
        <v>79.21575</v>
      </c>
      <c r="F411" s="10">
        <v>67.1785</v>
      </c>
      <c r="G411" s="10">
        <v>49.563499999999998</v>
      </c>
    </row>
    <row r="412" spans="1:7" x14ac:dyDescent="0.25">
      <c r="A412" s="10">
        <v>139.5</v>
      </c>
      <c r="B412" s="10">
        <v>100.5763</v>
      </c>
      <c r="C412" s="10">
        <v>95.39</v>
      </c>
      <c r="D412" s="10">
        <v>87.613500000000002</v>
      </c>
      <c r="E412" s="10">
        <v>78.972499999999997</v>
      </c>
      <c r="F412" s="10">
        <v>67.016750000000002</v>
      </c>
      <c r="G412" s="10">
        <v>49.531500000000001</v>
      </c>
    </row>
    <row r="413" spans="1:7" x14ac:dyDescent="0.25">
      <c r="A413" s="10">
        <v>140</v>
      </c>
      <c r="B413" s="10">
        <v>100.1093</v>
      </c>
      <c r="C413" s="10">
        <v>95.034499999999994</v>
      </c>
      <c r="D413" s="10">
        <v>87.316249999999997</v>
      </c>
      <c r="E413" s="10">
        <v>78.744249999999994</v>
      </c>
      <c r="F413" s="10">
        <v>66.893000000000001</v>
      </c>
      <c r="G413" s="10">
        <v>49.516500000000001</v>
      </c>
    </row>
    <row r="414" spans="1:7" x14ac:dyDescent="0.25">
      <c r="A414" s="10">
        <v>140.5</v>
      </c>
      <c r="B414" s="10">
        <v>99.689750000000004</v>
      </c>
      <c r="C414" s="10">
        <v>94.604500000000002</v>
      </c>
      <c r="D414" s="10">
        <v>87.001249999999999</v>
      </c>
      <c r="E414" s="10">
        <v>78.539500000000004</v>
      </c>
      <c r="F414" s="10">
        <v>66.748249999999999</v>
      </c>
      <c r="G414" s="10">
        <v>49.517000000000003</v>
      </c>
    </row>
    <row r="415" spans="1:7" x14ac:dyDescent="0.25">
      <c r="A415" s="10">
        <v>141</v>
      </c>
      <c r="B415" s="10">
        <v>99.294749999999993</v>
      </c>
      <c r="C415" s="10">
        <v>94.243499999999997</v>
      </c>
      <c r="D415" s="10">
        <v>86.677250000000001</v>
      </c>
      <c r="E415" s="10">
        <v>78.317750000000004</v>
      </c>
      <c r="F415" s="10">
        <v>66.612750000000005</v>
      </c>
      <c r="G415" s="10">
        <v>49.494</v>
      </c>
    </row>
    <row r="416" spans="1:7" x14ac:dyDescent="0.25">
      <c r="A416" s="10">
        <v>141.5</v>
      </c>
      <c r="B416" s="10">
        <v>98.862250000000003</v>
      </c>
      <c r="C416" s="10">
        <v>93.876000000000005</v>
      </c>
      <c r="D416" s="10">
        <v>86.367500000000007</v>
      </c>
      <c r="E416" s="10">
        <v>78.084000000000003</v>
      </c>
      <c r="F416" s="10">
        <v>66.462500000000006</v>
      </c>
      <c r="G416" s="10">
        <v>49.443750000000001</v>
      </c>
    </row>
    <row r="417" spans="1:7" x14ac:dyDescent="0.25">
      <c r="A417" s="10">
        <v>142</v>
      </c>
      <c r="B417" s="10">
        <v>98.486750000000001</v>
      </c>
      <c r="C417" s="10">
        <v>93.509749999999997</v>
      </c>
      <c r="D417" s="10">
        <v>86.058999999999997</v>
      </c>
      <c r="E417" s="10">
        <v>77.8155</v>
      </c>
      <c r="F417" s="10">
        <v>66.27825</v>
      </c>
      <c r="G417" s="10">
        <v>49.472250000000003</v>
      </c>
    </row>
    <row r="418" spans="1:7" x14ac:dyDescent="0.25">
      <c r="A418" s="10">
        <v>142.5</v>
      </c>
      <c r="B418" s="10">
        <v>98.088250000000002</v>
      </c>
      <c r="C418" s="10">
        <v>93.122749999999996</v>
      </c>
      <c r="D418" s="10">
        <v>85.763499999999993</v>
      </c>
      <c r="E418" s="10">
        <v>77.611750000000001</v>
      </c>
      <c r="F418" s="10">
        <v>66.160749999999993</v>
      </c>
      <c r="G418" s="10">
        <v>49.429250000000003</v>
      </c>
    </row>
    <row r="419" spans="1:7" x14ac:dyDescent="0.25">
      <c r="A419" s="10">
        <v>143</v>
      </c>
      <c r="B419" s="10">
        <v>97.646000000000001</v>
      </c>
      <c r="C419" s="10">
        <v>92.762249999999995</v>
      </c>
      <c r="D419" s="10">
        <v>85.451750000000004</v>
      </c>
      <c r="E419" s="10">
        <v>77.380250000000004</v>
      </c>
      <c r="F419" s="10">
        <v>66.005250000000004</v>
      </c>
      <c r="G419" s="10">
        <v>49.396500000000003</v>
      </c>
    </row>
    <row r="420" spans="1:7" x14ac:dyDescent="0.25">
      <c r="A420" s="10">
        <v>143.5</v>
      </c>
      <c r="B420" s="10">
        <v>97.253749999999997</v>
      </c>
      <c r="C420" s="10">
        <v>92.377750000000006</v>
      </c>
      <c r="D420" s="10">
        <v>85.16525</v>
      </c>
      <c r="E420" s="10">
        <v>77.167249999999996</v>
      </c>
      <c r="F420" s="10">
        <v>65.873750000000001</v>
      </c>
      <c r="G420" s="10">
        <v>49.395000000000003</v>
      </c>
    </row>
    <row r="421" spans="1:7" x14ac:dyDescent="0.25">
      <c r="A421" s="10">
        <v>144</v>
      </c>
      <c r="B421" s="10">
        <v>96.852999999999994</v>
      </c>
      <c r="C421" s="10">
        <v>92.037999999999997</v>
      </c>
      <c r="D421" s="10">
        <v>84.832999999999998</v>
      </c>
      <c r="E421" s="10">
        <v>76.922250000000005</v>
      </c>
      <c r="F421" s="10">
        <v>65.715249999999997</v>
      </c>
      <c r="G421" s="10">
        <v>49.362000000000002</v>
      </c>
    </row>
    <row r="422" spans="1:7" x14ac:dyDescent="0.25">
      <c r="A422" s="10">
        <v>144.5</v>
      </c>
      <c r="B422" s="10">
        <v>96.487499999999997</v>
      </c>
      <c r="C422" s="10">
        <v>91.6755</v>
      </c>
      <c r="D422" s="10">
        <v>84.5505</v>
      </c>
      <c r="E422" s="10">
        <v>76.725250000000003</v>
      </c>
      <c r="F422" s="10">
        <v>65.589500000000001</v>
      </c>
      <c r="G422" s="10">
        <v>49.348999999999997</v>
      </c>
    </row>
    <row r="423" spans="1:7" x14ac:dyDescent="0.25">
      <c r="A423" s="10">
        <v>145</v>
      </c>
      <c r="B423" s="10">
        <v>96.084000000000003</v>
      </c>
      <c r="C423" s="10">
        <v>91.339250000000007</v>
      </c>
      <c r="D423" s="10">
        <v>84.244749999999996</v>
      </c>
      <c r="E423" s="10">
        <v>76.483750000000001</v>
      </c>
      <c r="F423" s="10">
        <v>65.430750000000003</v>
      </c>
      <c r="G423" s="10">
        <v>49.313000000000002</v>
      </c>
    </row>
    <row r="424" spans="1:7" x14ac:dyDescent="0.25">
      <c r="A424" s="10">
        <v>145.5</v>
      </c>
      <c r="B424" s="10">
        <v>95.712500000000006</v>
      </c>
      <c r="C424" s="10">
        <v>90.953749999999999</v>
      </c>
      <c r="D424" s="10">
        <v>83.96275</v>
      </c>
      <c r="E424" s="10">
        <v>76.247749999999996</v>
      </c>
      <c r="F424" s="10">
        <v>65.298500000000004</v>
      </c>
      <c r="G424" s="10">
        <v>49.302750000000003</v>
      </c>
    </row>
    <row r="425" spans="1:7" x14ac:dyDescent="0.25">
      <c r="A425" s="10">
        <v>146</v>
      </c>
      <c r="B425" s="10">
        <v>95.361750000000001</v>
      </c>
      <c r="C425" s="10">
        <v>90.621750000000006</v>
      </c>
      <c r="D425" s="10">
        <v>83.677250000000001</v>
      </c>
      <c r="E425" s="10">
        <v>76.02225</v>
      </c>
      <c r="F425" s="10">
        <v>65.158749999999998</v>
      </c>
      <c r="G425" s="10">
        <v>49.281750000000002</v>
      </c>
    </row>
    <row r="426" spans="1:7" x14ac:dyDescent="0.25">
      <c r="A426" s="10">
        <v>146.5</v>
      </c>
      <c r="B426" s="10">
        <v>94.970749999999995</v>
      </c>
      <c r="C426" s="10">
        <v>90.285499999999999</v>
      </c>
      <c r="D426" s="10">
        <v>83.375500000000002</v>
      </c>
      <c r="E426" s="10">
        <v>75.812250000000006</v>
      </c>
      <c r="F426" s="10">
        <v>64.991500000000002</v>
      </c>
      <c r="G426" s="10">
        <v>49.237749999999998</v>
      </c>
    </row>
    <row r="427" spans="1:7" x14ac:dyDescent="0.25">
      <c r="A427" s="10">
        <v>147</v>
      </c>
      <c r="B427" s="10">
        <v>94.587000000000003</v>
      </c>
      <c r="C427" s="10">
        <v>89.923749999999998</v>
      </c>
      <c r="D427" s="10">
        <v>83.110749999999996</v>
      </c>
      <c r="E427" s="10">
        <v>75.591750000000005</v>
      </c>
      <c r="F427" s="10">
        <v>64.882000000000005</v>
      </c>
      <c r="G427" s="10">
        <v>49.210250000000002</v>
      </c>
    </row>
    <row r="428" spans="1:7" x14ac:dyDescent="0.25">
      <c r="A428" s="10">
        <v>147.5</v>
      </c>
      <c r="B428" s="10">
        <v>94.228750000000005</v>
      </c>
      <c r="C428" s="10">
        <v>89.591750000000005</v>
      </c>
      <c r="D428" s="10">
        <v>82.8065</v>
      </c>
      <c r="E428" s="10">
        <v>75.387749999999997</v>
      </c>
      <c r="F428" s="10">
        <v>64.709500000000006</v>
      </c>
      <c r="G428" s="10">
        <v>49.183750000000003</v>
      </c>
    </row>
    <row r="429" spans="1:7" x14ac:dyDescent="0.25">
      <c r="A429" s="10">
        <v>148</v>
      </c>
      <c r="B429" s="10">
        <v>93.899749999999997</v>
      </c>
      <c r="C429" s="10">
        <v>89.272999999999996</v>
      </c>
      <c r="D429" s="10">
        <v>82.534000000000006</v>
      </c>
      <c r="E429" s="10">
        <v>75.167500000000004</v>
      </c>
      <c r="F429" s="10">
        <v>64.571250000000006</v>
      </c>
      <c r="G429" s="10">
        <v>49.156500000000001</v>
      </c>
    </row>
    <row r="430" spans="1:7" x14ac:dyDescent="0.25">
      <c r="A430" s="10">
        <v>148.5</v>
      </c>
      <c r="B430" s="10">
        <v>93.518000000000001</v>
      </c>
      <c r="C430" s="10">
        <v>88.939499999999995</v>
      </c>
      <c r="D430" s="10">
        <v>82.256249999999994</v>
      </c>
      <c r="E430" s="10">
        <v>74.962999999999994</v>
      </c>
      <c r="F430" s="10">
        <v>64.418499999999995</v>
      </c>
      <c r="G430" s="10">
        <v>49.088999999999999</v>
      </c>
    </row>
    <row r="431" spans="1:7" x14ac:dyDescent="0.25">
      <c r="A431" s="10">
        <v>149</v>
      </c>
      <c r="B431" s="10">
        <v>93.145750000000007</v>
      </c>
      <c r="C431" s="10">
        <v>88.608500000000006</v>
      </c>
      <c r="D431" s="10">
        <v>81.983249999999998</v>
      </c>
      <c r="E431" s="10">
        <v>74.736999999999995</v>
      </c>
      <c r="F431" s="10">
        <v>64.284750000000003</v>
      </c>
      <c r="G431" s="10">
        <v>49.08</v>
      </c>
    </row>
    <row r="432" spans="1:7" x14ac:dyDescent="0.25">
      <c r="A432" s="10">
        <v>149.5</v>
      </c>
      <c r="B432" s="10">
        <v>92.777500000000003</v>
      </c>
      <c r="C432" s="10">
        <v>88.275999999999996</v>
      </c>
      <c r="D432" s="10">
        <v>81.697999999999993</v>
      </c>
      <c r="E432" s="10">
        <v>74.516750000000002</v>
      </c>
      <c r="F432" s="10">
        <v>64.135000000000005</v>
      </c>
      <c r="G432" s="10">
        <v>49.052500000000002</v>
      </c>
    </row>
    <row r="433" spans="1:7" x14ac:dyDescent="0.25">
      <c r="A433" s="10">
        <v>150</v>
      </c>
      <c r="B433" s="10">
        <v>92.445499999999996</v>
      </c>
      <c r="C433" s="10">
        <v>87.967749999999995</v>
      </c>
      <c r="D433" s="10">
        <v>81.427750000000003</v>
      </c>
      <c r="E433" s="10">
        <v>74.289500000000004</v>
      </c>
      <c r="F433" s="10">
        <v>64.010249999999999</v>
      </c>
      <c r="G433" s="10">
        <v>49.021500000000003</v>
      </c>
    </row>
    <row r="434" spans="1:7" x14ac:dyDescent="0.25">
      <c r="A434" s="10">
        <v>150.5</v>
      </c>
      <c r="B434" s="10">
        <v>92.098500000000001</v>
      </c>
      <c r="C434" s="10">
        <v>87.641499999999994</v>
      </c>
      <c r="D434" s="10">
        <v>81.157499999999999</v>
      </c>
      <c r="E434" s="10">
        <v>74.088999999999999</v>
      </c>
      <c r="F434" s="10">
        <v>63.856999999999999</v>
      </c>
      <c r="G434" s="10">
        <v>49.011000000000003</v>
      </c>
    </row>
    <row r="435" spans="1:7" x14ac:dyDescent="0.25">
      <c r="A435" s="10">
        <v>151</v>
      </c>
      <c r="B435" s="10">
        <v>91.765749999999997</v>
      </c>
      <c r="C435" s="10">
        <v>87.333749999999995</v>
      </c>
      <c r="D435" s="10">
        <v>80.902000000000001</v>
      </c>
      <c r="E435" s="10">
        <v>73.898250000000004</v>
      </c>
      <c r="F435" s="10">
        <v>63.718499999999999</v>
      </c>
      <c r="G435" s="10">
        <v>48.956249999999997</v>
      </c>
    </row>
    <row r="436" spans="1:7" x14ac:dyDescent="0.25">
      <c r="A436" s="10">
        <v>151.5</v>
      </c>
      <c r="B436" s="10">
        <v>91.418499999999995</v>
      </c>
      <c r="C436" s="10">
        <v>86.995000000000005</v>
      </c>
      <c r="D436" s="10">
        <v>80.638249999999999</v>
      </c>
      <c r="E436" s="10">
        <v>73.682000000000002</v>
      </c>
      <c r="F436" s="10">
        <v>63.560749999999999</v>
      </c>
      <c r="G436" s="10">
        <v>48.936500000000002</v>
      </c>
    </row>
    <row r="437" spans="1:7" x14ac:dyDescent="0.25">
      <c r="A437" s="10">
        <v>152</v>
      </c>
      <c r="B437" s="10">
        <v>91.096500000000006</v>
      </c>
      <c r="C437" s="10">
        <v>86.723249999999993</v>
      </c>
      <c r="D437" s="10">
        <v>80.333250000000007</v>
      </c>
      <c r="E437" s="10">
        <v>73.461500000000001</v>
      </c>
      <c r="F437" s="10">
        <v>63.436999999999998</v>
      </c>
      <c r="G437" s="10">
        <v>48.908999999999999</v>
      </c>
    </row>
    <row r="438" spans="1:7" x14ac:dyDescent="0.25">
      <c r="A438" s="10">
        <v>152.5</v>
      </c>
      <c r="B438" s="10">
        <v>90.746250000000003</v>
      </c>
      <c r="C438" s="10">
        <v>86.390249999999995</v>
      </c>
      <c r="D438" s="10">
        <v>80.085750000000004</v>
      </c>
      <c r="E438" s="10">
        <v>73.269000000000005</v>
      </c>
      <c r="F438" s="10">
        <v>63.295499999999997</v>
      </c>
      <c r="G438" s="10">
        <v>48.848999999999997</v>
      </c>
    </row>
    <row r="439" spans="1:7" x14ac:dyDescent="0.25">
      <c r="A439" s="10">
        <v>153</v>
      </c>
      <c r="B439" s="10">
        <v>90.440250000000006</v>
      </c>
      <c r="C439" s="10">
        <v>86.115250000000003</v>
      </c>
      <c r="D439" s="10">
        <v>79.8155</v>
      </c>
      <c r="E439" s="10">
        <v>73.058250000000001</v>
      </c>
      <c r="F439" s="10">
        <v>63.146500000000003</v>
      </c>
      <c r="G439" s="10">
        <v>48.825499999999998</v>
      </c>
    </row>
    <row r="440" spans="1:7" x14ac:dyDescent="0.25">
      <c r="A440" s="10">
        <v>153.5</v>
      </c>
      <c r="B440" s="10">
        <v>90.104749999999996</v>
      </c>
      <c r="C440" s="10">
        <v>85.794749999999993</v>
      </c>
      <c r="D440" s="10">
        <v>79.563999999999993</v>
      </c>
      <c r="E440" s="10">
        <v>72.861000000000004</v>
      </c>
      <c r="F440" s="10">
        <v>63.010750000000002</v>
      </c>
      <c r="G440" s="10">
        <v>48.768000000000001</v>
      </c>
    </row>
    <row r="441" spans="1:7" x14ac:dyDescent="0.25">
      <c r="A441" s="10">
        <v>154</v>
      </c>
      <c r="B441" s="10">
        <v>89.78725</v>
      </c>
      <c r="C441" s="10">
        <v>85.463750000000005</v>
      </c>
      <c r="D441" s="10">
        <v>79.313000000000002</v>
      </c>
      <c r="E441" s="10">
        <v>72.657749999999993</v>
      </c>
      <c r="F441" s="10">
        <v>62.875500000000002</v>
      </c>
      <c r="G441" s="10">
        <v>48.762999999999998</v>
      </c>
    </row>
    <row r="442" spans="1:7" x14ac:dyDescent="0.25">
      <c r="A442" s="10">
        <v>154.5</v>
      </c>
      <c r="B442" s="10">
        <v>89.452250000000006</v>
      </c>
      <c r="C442" s="10">
        <v>85.196749999999994</v>
      </c>
      <c r="D442" s="10">
        <v>79.070499999999996</v>
      </c>
      <c r="E442" s="10">
        <v>72.441999999999993</v>
      </c>
      <c r="F442" s="10">
        <v>62.72325</v>
      </c>
      <c r="G442" s="10">
        <v>48.706499999999998</v>
      </c>
    </row>
    <row r="443" spans="1:7" x14ac:dyDescent="0.25">
      <c r="A443" s="10">
        <v>155</v>
      </c>
      <c r="B443" s="10">
        <v>89.136250000000004</v>
      </c>
      <c r="C443" s="10">
        <v>84.881749999999997</v>
      </c>
      <c r="D443" s="10">
        <v>78.8065</v>
      </c>
      <c r="E443" s="10">
        <v>72.248500000000007</v>
      </c>
      <c r="F443" s="10">
        <v>62.572749999999999</v>
      </c>
      <c r="G443" s="10">
        <v>48.672750000000001</v>
      </c>
    </row>
    <row r="444" spans="1:7" x14ac:dyDescent="0.25">
      <c r="A444" s="10">
        <v>155.5</v>
      </c>
      <c r="B444" s="10">
        <v>88.808499999999995</v>
      </c>
      <c r="C444" s="10">
        <v>84.578999999999994</v>
      </c>
      <c r="D444" s="10">
        <v>78.531000000000006</v>
      </c>
      <c r="E444" s="10">
        <v>72.049499999999995</v>
      </c>
      <c r="F444" s="10">
        <v>62.454749999999997</v>
      </c>
      <c r="G444" s="10">
        <v>48.615250000000003</v>
      </c>
    </row>
    <row r="445" spans="1:7" x14ac:dyDescent="0.25">
      <c r="A445" s="10">
        <v>156</v>
      </c>
      <c r="B445" s="10">
        <v>88.537999999999997</v>
      </c>
      <c r="C445" s="10">
        <v>84.295000000000002</v>
      </c>
      <c r="D445" s="10">
        <v>78.271000000000001</v>
      </c>
      <c r="E445" s="10">
        <v>71.830250000000007</v>
      </c>
      <c r="F445" s="10">
        <v>62.311250000000001</v>
      </c>
      <c r="G445" s="10">
        <v>48.578000000000003</v>
      </c>
    </row>
    <row r="446" spans="1:7" x14ac:dyDescent="0.25">
      <c r="A446" s="10">
        <v>156.5</v>
      </c>
      <c r="B446" s="10">
        <v>88.224500000000006</v>
      </c>
      <c r="C446" s="10">
        <v>84.011499999999998</v>
      </c>
      <c r="D446" s="10">
        <v>78.036249999999995</v>
      </c>
      <c r="E446" s="10">
        <v>71.646249999999995</v>
      </c>
      <c r="F446" s="10">
        <v>62.160499999999999</v>
      </c>
      <c r="G446" s="10">
        <v>48.538499999999999</v>
      </c>
    </row>
    <row r="447" spans="1:7" x14ac:dyDescent="0.25">
      <c r="A447" s="10">
        <v>157</v>
      </c>
      <c r="B447" s="10">
        <v>87.900750000000002</v>
      </c>
      <c r="C447" s="10">
        <v>83.710499999999996</v>
      </c>
      <c r="D447" s="10">
        <v>77.772750000000002</v>
      </c>
      <c r="E447" s="10">
        <v>71.483000000000004</v>
      </c>
      <c r="F447" s="10">
        <v>62.039250000000003</v>
      </c>
      <c r="G447" s="10">
        <v>48.511499999999998</v>
      </c>
    </row>
    <row r="448" spans="1:7" x14ac:dyDescent="0.25">
      <c r="A448" s="10">
        <v>157.5</v>
      </c>
      <c r="B448" s="10">
        <v>87.623750000000001</v>
      </c>
      <c r="C448" s="10">
        <v>83.405249999999995</v>
      </c>
      <c r="D448" s="10">
        <v>77.551749999999998</v>
      </c>
      <c r="E448" s="10">
        <v>71.287000000000006</v>
      </c>
      <c r="F448" s="10">
        <v>61.885750000000002</v>
      </c>
      <c r="G448" s="10">
        <v>48.472999999999999</v>
      </c>
    </row>
    <row r="449" spans="1:7" x14ac:dyDescent="0.25">
      <c r="A449" s="10">
        <v>158</v>
      </c>
      <c r="B449" s="10">
        <v>87.297749999999994</v>
      </c>
      <c r="C449" s="10">
        <v>83.164249999999996</v>
      </c>
      <c r="D449" s="10">
        <v>77.3125</v>
      </c>
      <c r="E449" s="10">
        <v>71.088499999999996</v>
      </c>
      <c r="F449" s="10">
        <v>61.752000000000002</v>
      </c>
      <c r="G449" s="10">
        <v>48.428249999999998</v>
      </c>
    </row>
    <row r="450" spans="1:7" x14ac:dyDescent="0.25">
      <c r="A450" s="10">
        <v>158.5</v>
      </c>
      <c r="B450" s="10">
        <v>86.998249999999999</v>
      </c>
      <c r="C450" s="10">
        <v>82.88</v>
      </c>
      <c r="D450" s="10">
        <v>77.054749999999999</v>
      </c>
      <c r="E450" s="10">
        <v>70.878249999999994</v>
      </c>
      <c r="F450" s="10">
        <v>61.6355</v>
      </c>
      <c r="G450" s="10">
        <v>48.365250000000003</v>
      </c>
    </row>
    <row r="451" spans="1:7" x14ac:dyDescent="0.25">
      <c r="A451" s="10">
        <v>159</v>
      </c>
      <c r="B451" s="10">
        <v>86.705500000000001</v>
      </c>
      <c r="C451" s="10">
        <v>82.578249999999997</v>
      </c>
      <c r="D451" s="10">
        <v>76.806250000000006</v>
      </c>
      <c r="E451" s="10">
        <v>70.677750000000003</v>
      </c>
      <c r="F451" s="10">
        <v>61.500999999999998</v>
      </c>
      <c r="G451" s="10">
        <v>48.341500000000003</v>
      </c>
    </row>
    <row r="452" spans="1:7" x14ac:dyDescent="0.25">
      <c r="A452" s="10">
        <v>159.5</v>
      </c>
      <c r="B452" s="10">
        <v>86.412750000000003</v>
      </c>
      <c r="C452" s="10">
        <v>82.304500000000004</v>
      </c>
      <c r="D452" s="10">
        <v>76.564499999999995</v>
      </c>
      <c r="E452" s="10">
        <v>70.495000000000005</v>
      </c>
      <c r="F452" s="10">
        <v>61.34225</v>
      </c>
      <c r="G452" s="10">
        <v>48.268749999999997</v>
      </c>
    </row>
    <row r="453" spans="1:7" x14ac:dyDescent="0.25">
      <c r="A453" s="10">
        <v>160</v>
      </c>
      <c r="B453" s="10">
        <v>86.129499999999993</v>
      </c>
      <c r="C453" s="10">
        <v>82.03725</v>
      </c>
      <c r="D453" s="10">
        <v>76.34975</v>
      </c>
      <c r="E453" s="10">
        <v>70.319999999999993</v>
      </c>
      <c r="F453" s="10">
        <v>61.21725</v>
      </c>
      <c r="G453" s="10">
        <v>48.267499999999998</v>
      </c>
    </row>
    <row r="454" spans="1:7" x14ac:dyDescent="0.25">
      <c r="A454" s="10">
        <v>160.5</v>
      </c>
      <c r="B454" s="10">
        <v>85.83775</v>
      </c>
      <c r="C454" s="10">
        <v>81.768249999999995</v>
      </c>
      <c r="D454" s="10">
        <v>76.075749999999999</v>
      </c>
      <c r="E454" s="10">
        <v>70.114500000000007</v>
      </c>
      <c r="F454" s="10">
        <v>61.077750000000002</v>
      </c>
      <c r="G454" s="10">
        <v>48.181750000000001</v>
      </c>
    </row>
    <row r="455" spans="1:7" x14ac:dyDescent="0.25">
      <c r="A455" s="10">
        <v>161</v>
      </c>
      <c r="B455" s="10">
        <v>85.569500000000005</v>
      </c>
      <c r="C455" s="10">
        <v>81.494500000000002</v>
      </c>
      <c r="D455" s="10">
        <v>75.855000000000004</v>
      </c>
      <c r="E455" s="10">
        <v>69.931749999999994</v>
      </c>
      <c r="F455" s="10">
        <v>60.937750000000001</v>
      </c>
      <c r="G455" s="10">
        <v>48.142499999999998</v>
      </c>
    </row>
    <row r="456" spans="1:7" x14ac:dyDescent="0.25">
      <c r="A456" s="10">
        <v>161.5</v>
      </c>
      <c r="B456" s="10">
        <v>85.28725</v>
      </c>
      <c r="C456" s="10">
        <v>81.263000000000005</v>
      </c>
      <c r="D456" s="10">
        <v>75.639499999999998</v>
      </c>
      <c r="E456" s="10">
        <v>69.739500000000007</v>
      </c>
      <c r="F456" s="10">
        <v>60.78875</v>
      </c>
      <c r="G456" s="10">
        <v>48.101750000000003</v>
      </c>
    </row>
    <row r="457" spans="1:7" x14ac:dyDescent="0.25">
      <c r="A457" s="10">
        <v>162</v>
      </c>
      <c r="B457" s="10">
        <v>85.009749999999997</v>
      </c>
      <c r="C457" s="10">
        <v>80.97175</v>
      </c>
      <c r="D457" s="10">
        <v>75.403499999999994</v>
      </c>
      <c r="E457" s="10">
        <v>69.555000000000007</v>
      </c>
      <c r="F457" s="10">
        <v>60.661250000000003</v>
      </c>
      <c r="G457" s="10">
        <v>48.072249999999997</v>
      </c>
    </row>
    <row r="458" spans="1:7" x14ac:dyDescent="0.25">
      <c r="A458" s="10">
        <v>162.5</v>
      </c>
      <c r="B458" s="10">
        <v>84.701750000000004</v>
      </c>
      <c r="C458" s="10">
        <v>80.718999999999994</v>
      </c>
      <c r="D458" s="10">
        <v>75.172499999999999</v>
      </c>
      <c r="E458" s="10">
        <v>69.361500000000007</v>
      </c>
      <c r="F458" s="10">
        <v>60.531999999999996</v>
      </c>
      <c r="G458" s="10">
        <v>48.040500000000002</v>
      </c>
    </row>
    <row r="459" spans="1:7" x14ac:dyDescent="0.25">
      <c r="A459" s="10">
        <v>163</v>
      </c>
      <c r="B459" s="10">
        <v>84.448499999999996</v>
      </c>
      <c r="C459" s="10">
        <v>80.442999999999998</v>
      </c>
      <c r="D459" s="10">
        <v>74.948499999999996</v>
      </c>
      <c r="E459" s="10">
        <v>69.192999999999998</v>
      </c>
      <c r="F459" s="10">
        <v>60.394750000000002</v>
      </c>
      <c r="G459" s="10">
        <v>47.961500000000001</v>
      </c>
    </row>
    <row r="460" spans="1:7" x14ac:dyDescent="0.25">
      <c r="A460" s="10">
        <v>163.5</v>
      </c>
      <c r="B460" s="10">
        <v>84.155000000000001</v>
      </c>
      <c r="C460" s="10">
        <v>80.183000000000007</v>
      </c>
      <c r="D460" s="10">
        <v>74.710750000000004</v>
      </c>
      <c r="E460" s="10">
        <v>69.019499999999994</v>
      </c>
      <c r="F460" s="10">
        <v>60.270249999999997</v>
      </c>
      <c r="G460" s="10">
        <v>47.907499999999999</v>
      </c>
    </row>
    <row r="461" spans="1:7" x14ac:dyDescent="0.25">
      <c r="A461" s="10">
        <v>164</v>
      </c>
      <c r="B461" s="10">
        <v>83.891249999999999</v>
      </c>
      <c r="C461" s="10">
        <v>79.922499999999999</v>
      </c>
      <c r="D461" s="10">
        <v>74.498000000000005</v>
      </c>
      <c r="E461" s="10">
        <v>68.828500000000005</v>
      </c>
      <c r="F461" s="10">
        <v>60.121250000000003</v>
      </c>
      <c r="G461" s="10">
        <v>47.873750000000001</v>
      </c>
    </row>
    <row r="462" spans="1:7" x14ac:dyDescent="0.25">
      <c r="A462" s="10">
        <v>164.5</v>
      </c>
      <c r="B462" s="10">
        <v>83.63</v>
      </c>
      <c r="C462" s="10">
        <v>79.676500000000004</v>
      </c>
      <c r="D462" s="10">
        <v>74.27225</v>
      </c>
      <c r="E462" s="10">
        <v>68.643500000000003</v>
      </c>
      <c r="F462" s="10">
        <v>59.990749999999998</v>
      </c>
      <c r="G462" s="10">
        <v>47.859499999999997</v>
      </c>
    </row>
    <row r="463" spans="1:7" x14ac:dyDescent="0.25">
      <c r="A463" s="10">
        <v>165</v>
      </c>
      <c r="B463" s="10">
        <v>83.339749999999995</v>
      </c>
      <c r="C463" s="10">
        <v>79.412750000000003</v>
      </c>
      <c r="D463" s="10">
        <v>74.048749999999998</v>
      </c>
      <c r="E463" s="10">
        <v>68.482249999999993</v>
      </c>
      <c r="F463" s="10">
        <v>59.884999999999998</v>
      </c>
      <c r="G463" s="10">
        <v>47.792999999999999</v>
      </c>
    </row>
    <row r="464" spans="1:7" x14ac:dyDescent="0.25">
      <c r="A464" s="10">
        <v>165.5</v>
      </c>
      <c r="B464" s="10">
        <v>83.099249999999998</v>
      </c>
      <c r="C464" s="10">
        <v>79.196250000000006</v>
      </c>
      <c r="D464" s="10">
        <v>73.847750000000005</v>
      </c>
      <c r="E464" s="10">
        <v>68.266249999999999</v>
      </c>
      <c r="F464" s="10">
        <v>59.731250000000003</v>
      </c>
      <c r="G464" s="10">
        <v>47.734999999999999</v>
      </c>
    </row>
    <row r="465" spans="1:7" x14ac:dyDescent="0.25">
      <c r="A465" s="10">
        <v>166</v>
      </c>
      <c r="B465" s="10">
        <v>82.833749999999995</v>
      </c>
      <c r="C465" s="10">
        <v>78.930499999999995</v>
      </c>
      <c r="D465" s="10">
        <v>73.618250000000003</v>
      </c>
      <c r="E465" s="10">
        <v>68.106750000000005</v>
      </c>
      <c r="F465" s="10">
        <v>59.606499999999997</v>
      </c>
      <c r="G465" s="10">
        <v>47.695749999999997</v>
      </c>
    </row>
    <row r="466" spans="1:7" x14ac:dyDescent="0.25">
      <c r="A466" s="10">
        <v>166.5</v>
      </c>
      <c r="B466" s="10">
        <v>82.568250000000006</v>
      </c>
      <c r="C466" s="10">
        <v>78.656999999999996</v>
      </c>
      <c r="D466" s="10">
        <v>73.386750000000006</v>
      </c>
      <c r="E466" s="10">
        <v>67.935749999999999</v>
      </c>
      <c r="F466" s="10">
        <v>59.481749999999998</v>
      </c>
      <c r="G466" s="10">
        <v>47.622250000000001</v>
      </c>
    </row>
    <row r="467" spans="1:7" x14ac:dyDescent="0.25">
      <c r="A467" s="10">
        <v>167</v>
      </c>
      <c r="B467" s="10">
        <v>82.309250000000006</v>
      </c>
      <c r="C467" s="10">
        <v>78.418000000000006</v>
      </c>
      <c r="D467" s="10">
        <v>73.198999999999998</v>
      </c>
      <c r="E467" s="10">
        <v>67.745249999999999</v>
      </c>
      <c r="F467" s="10">
        <v>59.361499999999999</v>
      </c>
      <c r="G467" s="10">
        <v>47.591749999999998</v>
      </c>
    </row>
    <row r="468" spans="1:7" x14ac:dyDescent="0.25">
      <c r="A468" s="10">
        <v>167.5</v>
      </c>
      <c r="B468" s="10">
        <v>82.058750000000003</v>
      </c>
      <c r="C468" s="10">
        <v>78.183750000000003</v>
      </c>
      <c r="D468" s="10">
        <v>72.976500000000001</v>
      </c>
      <c r="E468" s="10">
        <v>67.582999999999998</v>
      </c>
      <c r="F468" s="10">
        <v>59.226999999999997</v>
      </c>
      <c r="G468" s="10">
        <v>47.523000000000003</v>
      </c>
    </row>
    <row r="469" spans="1:7" x14ac:dyDescent="0.25">
      <c r="A469" s="10">
        <v>168</v>
      </c>
      <c r="B469" s="10">
        <v>81.801500000000004</v>
      </c>
      <c r="C469" s="10">
        <v>77.95975</v>
      </c>
      <c r="D469" s="10">
        <v>72.721999999999994</v>
      </c>
      <c r="E469" s="10">
        <v>67.404750000000007</v>
      </c>
      <c r="F469" s="10">
        <v>59.087249999999997</v>
      </c>
      <c r="G469" s="10">
        <v>47.47475</v>
      </c>
    </row>
    <row r="470" spans="1:7" x14ac:dyDescent="0.25">
      <c r="A470" s="10">
        <v>168.5</v>
      </c>
      <c r="B470" s="10">
        <v>81.537999999999997</v>
      </c>
      <c r="C470" s="10">
        <v>77.724999999999994</v>
      </c>
      <c r="D470" s="10">
        <v>72.5505</v>
      </c>
      <c r="E470" s="10">
        <v>67.222999999999999</v>
      </c>
      <c r="F470" s="10">
        <v>58.932499999999997</v>
      </c>
      <c r="G470" s="10">
        <v>47.445500000000003</v>
      </c>
    </row>
    <row r="471" spans="1:7" x14ac:dyDescent="0.25">
      <c r="A471" s="10">
        <v>169</v>
      </c>
      <c r="B471" s="10">
        <v>81.315749999999994</v>
      </c>
      <c r="C471" s="10">
        <v>77.486249999999998</v>
      </c>
      <c r="D471" s="10">
        <v>72.344999999999999</v>
      </c>
      <c r="E471" s="10">
        <v>67.048000000000002</v>
      </c>
      <c r="F471" s="10">
        <v>58.835250000000002</v>
      </c>
      <c r="G471" s="10">
        <v>47.382249999999999</v>
      </c>
    </row>
    <row r="472" spans="1:7" x14ac:dyDescent="0.25">
      <c r="A472" s="10">
        <v>169.5</v>
      </c>
      <c r="B472" s="10">
        <v>81.052999999999997</v>
      </c>
      <c r="C472" s="10">
        <v>77.258250000000004</v>
      </c>
      <c r="D472" s="10">
        <v>72.146000000000001</v>
      </c>
      <c r="E472" s="10">
        <v>66.880750000000006</v>
      </c>
      <c r="F472" s="10">
        <v>58.6995</v>
      </c>
      <c r="G472" s="10">
        <v>47.370750000000001</v>
      </c>
    </row>
    <row r="473" spans="1:7" x14ac:dyDescent="0.25">
      <c r="A473" s="10">
        <v>170</v>
      </c>
      <c r="B473" s="10">
        <v>80.818749999999994</v>
      </c>
      <c r="C473" s="10">
        <v>77.010000000000005</v>
      </c>
      <c r="D473" s="10">
        <v>71.92</v>
      </c>
      <c r="E473" s="10">
        <v>66.708500000000001</v>
      </c>
      <c r="F473" s="10">
        <v>58.580500000000001</v>
      </c>
      <c r="G473" s="10">
        <v>47.295499999999997</v>
      </c>
    </row>
    <row r="474" spans="1:7" x14ac:dyDescent="0.25">
      <c r="A474" s="10">
        <v>170.5</v>
      </c>
      <c r="B474" s="10">
        <v>80.566749999999999</v>
      </c>
      <c r="C474" s="10">
        <v>76.792500000000004</v>
      </c>
      <c r="D474" s="10">
        <v>71.710999999999999</v>
      </c>
      <c r="E474" s="10">
        <v>66.527500000000003</v>
      </c>
      <c r="F474" s="10">
        <v>58.447249999999997</v>
      </c>
      <c r="G474" s="10">
        <v>47.257249999999999</v>
      </c>
    </row>
    <row r="475" spans="1:7" x14ac:dyDescent="0.25">
      <c r="A475" s="10">
        <v>171</v>
      </c>
      <c r="B475" s="10">
        <v>80.325749999999999</v>
      </c>
      <c r="C475" s="10">
        <v>76.553749999999994</v>
      </c>
      <c r="D475" s="10">
        <v>71.521249999999995</v>
      </c>
      <c r="E475" s="10">
        <v>66.373000000000005</v>
      </c>
      <c r="F475" s="10">
        <v>58.3185</v>
      </c>
      <c r="G475" s="10">
        <v>47.207749999999997</v>
      </c>
    </row>
    <row r="476" spans="1:7" x14ac:dyDescent="0.25">
      <c r="A476" s="10">
        <v>171.5</v>
      </c>
      <c r="B476" s="10">
        <v>80.082750000000004</v>
      </c>
      <c r="C476" s="10">
        <v>76.3125</v>
      </c>
      <c r="D476" s="10">
        <v>71.297250000000005</v>
      </c>
      <c r="E476" s="10">
        <v>66.214749999999995</v>
      </c>
      <c r="F476" s="10">
        <v>58.212000000000003</v>
      </c>
      <c r="G476" s="10">
        <v>47.127749999999999</v>
      </c>
    </row>
    <row r="477" spans="1:7" x14ac:dyDescent="0.25">
      <c r="A477" s="10">
        <v>172</v>
      </c>
      <c r="B477" s="10">
        <v>79.838750000000005</v>
      </c>
      <c r="C477" s="10">
        <v>76.112250000000003</v>
      </c>
      <c r="D477" s="10">
        <v>71.127250000000004</v>
      </c>
      <c r="E477" s="10">
        <v>66.040999999999997</v>
      </c>
      <c r="F477" s="10">
        <v>58.064999999999998</v>
      </c>
      <c r="G477" s="10">
        <v>47.089500000000001</v>
      </c>
    </row>
    <row r="478" spans="1:7" x14ac:dyDescent="0.25">
      <c r="A478" s="10">
        <v>172.5</v>
      </c>
      <c r="B478" s="10">
        <v>79.635000000000005</v>
      </c>
      <c r="C478" s="10">
        <v>75.883499999999998</v>
      </c>
      <c r="D478" s="10">
        <v>70.902500000000003</v>
      </c>
      <c r="E478" s="10">
        <v>65.889499999999998</v>
      </c>
      <c r="F478" s="10">
        <v>57.950499999999998</v>
      </c>
      <c r="G478" s="10">
        <v>47.037999999999997</v>
      </c>
    </row>
    <row r="479" spans="1:7" x14ac:dyDescent="0.25">
      <c r="A479" s="10">
        <v>173</v>
      </c>
      <c r="B479" s="10">
        <v>79.350250000000003</v>
      </c>
      <c r="C479" s="10">
        <v>75.666250000000005</v>
      </c>
      <c r="D479" s="10">
        <v>70.712249999999997</v>
      </c>
      <c r="E479" s="10">
        <v>65.708250000000007</v>
      </c>
      <c r="F479" s="10">
        <v>57.795749999999998</v>
      </c>
      <c r="G479" s="10">
        <v>46.982999999999997</v>
      </c>
    </row>
    <row r="480" spans="1:7" x14ac:dyDescent="0.25">
      <c r="A480" s="10">
        <v>173.5</v>
      </c>
      <c r="B480" s="10">
        <v>79.145750000000007</v>
      </c>
      <c r="C480" s="10">
        <v>75.4375</v>
      </c>
      <c r="D480" s="10">
        <v>70.510000000000005</v>
      </c>
      <c r="E480" s="10">
        <v>65.555000000000007</v>
      </c>
      <c r="F480" s="10">
        <v>57.686500000000002</v>
      </c>
      <c r="G480" s="10">
        <v>46.933750000000003</v>
      </c>
    </row>
    <row r="481" spans="1:7" x14ac:dyDescent="0.25">
      <c r="A481" s="10">
        <v>174</v>
      </c>
      <c r="B481" s="10">
        <v>78.915999999999997</v>
      </c>
      <c r="C481" s="10">
        <v>75.192250000000001</v>
      </c>
      <c r="D481" s="10">
        <v>70.311750000000004</v>
      </c>
      <c r="E481" s="10">
        <v>65.391999999999996</v>
      </c>
      <c r="F481" s="10">
        <v>57.570250000000001</v>
      </c>
      <c r="G481" s="10">
        <v>46.896500000000003</v>
      </c>
    </row>
    <row r="482" spans="1:7" x14ac:dyDescent="0.25">
      <c r="A482" s="10">
        <v>174.5</v>
      </c>
      <c r="B482" s="10">
        <v>78.712000000000003</v>
      </c>
      <c r="C482" s="10">
        <v>74.986999999999995</v>
      </c>
      <c r="D482" s="10">
        <v>70.140749999999997</v>
      </c>
      <c r="E482" s="10">
        <v>65.227500000000006</v>
      </c>
      <c r="F482" s="10">
        <v>57.426749999999998</v>
      </c>
      <c r="G482" s="10">
        <v>46.819000000000003</v>
      </c>
    </row>
    <row r="483" spans="1:7" x14ac:dyDescent="0.25">
      <c r="A483" s="10">
        <v>175</v>
      </c>
      <c r="B483" s="10">
        <v>78.46275</v>
      </c>
      <c r="C483" s="10">
        <v>74.773250000000004</v>
      </c>
      <c r="D483" s="10">
        <v>69.890749999999997</v>
      </c>
      <c r="E483" s="10">
        <v>65.097999999999999</v>
      </c>
      <c r="F483" s="10">
        <v>57.317</v>
      </c>
      <c r="G483" s="10">
        <v>46.789499999999997</v>
      </c>
    </row>
    <row r="484" spans="1:7" x14ac:dyDescent="0.25">
      <c r="A484" s="10">
        <v>175.5</v>
      </c>
      <c r="B484" s="10">
        <v>78.224999999999994</v>
      </c>
      <c r="C484" s="10">
        <v>74.584249999999997</v>
      </c>
      <c r="D484" s="10">
        <v>69.734250000000003</v>
      </c>
      <c r="E484" s="10">
        <v>64.896500000000003</v>
      </c>
      <c r="F484" s="10">
        <v>57.199750000000002</v>
      </c>
      <c r="G484" s="10">
        <v>46.74</v>
      </c>
    </row>
    <row r="485" spans="1:7" x14ac:dyDescent="0.25">
      <c r="A485" s="10">
        <v>176</v>
      </c>
      <c r="B485" s="10">
        <v>78.008250000000004</v>
      </c>
      <c r="C485" s="10">
        <v>74.350499999999997</v>
      </c>
      <c r="D485" s="10">
        <v>69.545500000000004</v>
      </c>
      <c r="E485" s="10">
        <v>64.758250000000004</v>
      </c>
      <c r="F485" s="10">
        <v>57.084000000000003</v>
      </c>
      <c r="G485" s="10">
        <v>46.696249999999999</v>
      </c>
    </row>
    <row r="486" spans="1:7" x14ac:dyDescent="0.25">
      <c r="A486" s="10">
        <v>176.5</v>
      </c>
      <c r="B486" s="10">
        <v>77.771500000000003</v>
      </c>
      <c r="C486" s="10">
        <v>74.129750000000001</v>
      </c>
      <c r="D486" s="10">
        <v>69.322249999999997</v>
      </c>
      <c r="E486" s="10">
        <v>64.596999999999994</v>
      </c>
      <c r="F486" s="10">
        <v>56.95825</v>
      </c>
      <c r="G486" s="10">
        <v>46.631250000000001</v>
      </c>
    </row>
    <row r="487" spans="1:7" x14ac:dyDescent="0.25">
      <c r="A487" s="10">
        <v>177</v>
      </c>
      <c r="B487" s="10">
        <v>77.558250000000001</v>
      </c>
      <c r="C487" s="10">
        <v>73.924999999999997</v>
      </c>
      <c r="D487" s="10">
        <v>69.159000000000006</v>
      </c>
      <c r="E487" s="10">
        <v>64.432500000000005</v>
      </c>
      <c r="F487" s="10">
        <v>56.83475</v>
      </c>
      <c r="G487" s="10">
        <v>46.602249999999998</v>
      </c>
    </row>
    <row r="488" spans="1:7" x14ac:dyDescent="0.25">
      <c r="A488" s="10">
        <v>177.5</v>
      </c>
      <c r="B488" s="10">
        <v>77.358999999999995</v>
      </c>
      <c r="C488" s="10">
        <v>73.72175</v>
      </c>
      <c r="D488" s="10">
        <v>68.98</v>
      </c>
      <c r="E488" s="10">
        <v>64.277749999999997</v>
      </c>
      <c r="F488" s="10">
        <v>56.709000000000003</v>
      </c>
      <c r="G488" s="10">
        <v>46.521500000000003</v>
      </c>
    </row>
    <row r="489" spans="1:7" x14ac:dyDescent="0.25">
      <c r="A489" s="10">
        <v>178</v>
      </c>
      <c r="B489" s="10">
        <v>77.143500000000003</v>
      </c>
      <c r="C489" s="10">
        <v>73.505499999999998</v>
      </c>
      <c r="D489" s="10">
        <v>68.784000000000006</v>
      </c>
      <c r="E489" s="10">
        <v>64.137500000000003</v>
      </c>
      <c r="F489" s="10">
        <v>56.590499999999999</v>
      </c>
      <c r="G489" s="10">
        <v>46.468000000000004</v>
      </c>
    </row>
    <row r="490" spans="1:7" x14ac:dyDescent="0.25">
      <c r="A490" s="10">
        <v>178.5</v>
      </c>
      <c r="B490" s="10">
        <v>76.908500000000004</v>
      </c>
      <c r="C490" s="10">
        <v>73.302250000000001</v>
      </c>
      <c r="D490" s="10">
        <v>68.613249999999994</v>
      </c>
      <c r="E490" s="10">
        <v>63.981749999999998</v>
      </c>
      <c r="F490" s="10">
        <v>56.477499999999999</v>
      </c>
      <c r="G490" s="10">
        <v>46.401000000000003</v>
      </c>
    </row>
    <row r="491" spans="1:7" x14ac:dyDescent="0.25">
      <c r="A491" s="10">
        <v>179</v>
      </c>
      <c r="B491" s="10">
        <v>76.686750000000004</v>
      </c>
      <c r="C491" s="10">
        <v>73.111500000000007</v>
      </c>
      <c r="D491" s="10">
        <v>68.445250000000001</v>
      </c>
      <c r="E491" s="10">
        <v>63.832999999999998</v>
      </c>
      <c r="F491" s="10">
        <v>56.362250000000003</v>
      </c>
      <c r="G491" s="10">
        <v>46.373750000000001</v>
      </c>
    </row>
    <row r="492" spans="1:7" x14ac:dyDescent="0.25">
      <c r="A492" s="10">
        <v>179.5</v>
      </c>
      <c r="B492" s="10">
        <v>76.486500000000007</v>
      </c>
      <c r="C492" s="10">
        <v>72.905500000000004</v>
      </c>
      <c r="D492" s="10">
        <v>68.247</v>
      </c>
      <c r="E492" s="10">
        <v>63.652999999999999</v>
      </c>
      <c r="F492" s="10">
        <v>56.259250000000002</v>
      </c>
      <c r="G492" s="10">
        <v>46.3155</v>
      </c>
    </row>
    <row r="493" spans="1:7" x14ac:dyDescent="0.25">
      <c r="A493" s="10">
        <v>180</v>
      </c>
      <c r="B493" s="10">
        <v>76.27525</v>
      </c>
      <c r="C493" s="10">
        <v>72.7</v>
      </c>
      <c r="D493" s="10">
        <v>68.064499999999995</v>
      </c>
      <c r="E493" s="10">
        <v>63.525500000000001</v>
      </c>
      <c r="F493" s="10">
        <v>56.144750000000002</v>
      </c>
      <c r="G493" s="10">
        <v>46.263750000000002</v>
      </c>
    </row>
    <row r="494" spans="1:7" x14ac:dyDescent="0.25">
      <c r="A494" s="10">
        <v>180.5</v>
      </c>
      <c r="B494" s="10">
        <v>76.045500000000004</v>
      </c>
      <c r="C494" s="10">
        <v>72.474500000000006</v>
      </c>
      <c r="D494" s="10">
        <v>67.890249999999995</v>
      </c>
      <c r="E494" s="10">
        <v>63.326500000000003</v>
      </c>
      <c r="F494" s="10">
        <v>56.002000000000002</v>
      </c>
      <c r="G494" s="10">
        <v>46.197249999999997</v>
      </c>
    </row>
    <row r="495" spans="1:7" x14ac:dyDescent="0.25">
      <c r="A495" s="10">
        <v>181</v>
      </c>
      <c r="B495" s="10">
        <v>75.84</v>
      </c>
      <c r="C495" s="10">
        <v>72.295500000000004</v>
      </c>
      <c r="D495" s="10">
        <v>67.714749999999995</v>
      </c>
      <c r="E495" s="10">
        <v>63.22325</v>
      </c>
      <c r="F495" s="10">
        <v>55.891500000000001</v>
      </c>
      <c r="G495" s="10">
        <v>46.155000000000001</v>
      </c>
    </row>
    <row r="496" spans="1:7" x14ac:dyDescent="0.25">
      <c r="A496" s="10">
        <v>181.5</v>
      </c>
      <c r="B496" s="10">
        <v>75.6755</v>
      </c>
      <c r="C496" s="10">
        <v>72.135249999999999</v>
      </c>
      <c r="D496" s="10">
        <v>67.503500000000003</v>
      </c>
      <c r="E496" s="10">
        <v>63.044750000000001</v>
      </c>
      <c r="F496" s="10">
        <v>55.77225</v>
      </c>
      <c r="G496" s="10">
        <v>46.121000000000002</v>
      </c>
    </row>
    <row r="497" spans="1:7" x14ac:dyDescent="0.25">
      <c r="A497" s="10">
        <v>182</v>
      </c>
      <c r="B497" s="10">
        <v>75.45975</v>
      </c>
      <c r="C497" s="10">
        <v>71.9315</v>
      </c>
      <c r="D497" s="10">
        <v>67.359499999999997</v>
      </c>
      <c r="E497" s="10">
        <v>62.917250000000003</v>
      </c>
      <c r="F497" s="10">
        <v>55.667499999999997</v>
      </c>
      <c r="G497" s="10">
        <v>46.014499999999998</v>
      </c>
    </row>
    <row r="498" spans="1:7" x14ac:dyDescent="0.25">
      <c r="A498" s="10">
        <v>182.5</v>
      </c>
      <c r="B498" s="10">
        <v>75.254249999999999</v>
      </c>
      <c r="C498" s="10">
        <v>71.702500000000001</v>
      </c>
      <c r="D498" s="10">
        <v>67.176249999999996</v>
      </c>
      <c r="E498" s="10">
        <v>62.775750000000002</v>
      </c>
      <c r="F498" s="10">
        <v>55.562249999999999</v>
      </c>
      <c r="G498" s="10">
        <v>46.027000000000001</v>
      </c>
    </row>
    <row r="499" spans="1:7" x14ac:dyDescent="0.25">
      <c r="A499" s="10">
        <v>183</v>
      </c>
      <c r="B499" s="10">
        <v>75.042749999999998</v>
      </c>
      <c r="C499" s="10">
        <v>71.514250000000004</v>
      </c>
      <c r="D499" s="10">
        <v>66.992750000000001</v>
      </c>
      <c r="E499" s="10">
        <v>62.622250000000001</v>
      </c>
      <c r="F499" s="10">
        <v>55.426749999999998</v>
      </c>
      <c r="G499" s="10">
        <v>45.938749999999999</v>
      </c>
    </row>
    <row r="500" spans="1:7" x14ac:dyDescent="0.25">
      <c r="A500" s="10">
        <v>183.5</v>
      </c>
      <c r="B500" s="10">
        <v>74.853999999999999</v>
      </c>
      <c r="C500" s="10">
        <v>71.338250000000002</v>
      </c>
      <c r="D500" s="10">
        <v>66.835999999999999</v>
      </c>
      <c r="E500" s="10">
        <v>62.468249999999998</v>
      </c>
      <c r="F500" s="10">
        <v>55.332749999999997</v>
      </c>
      <c r="G500" s="10">
        <v>45.879249999999999</v>
      </c>
    </row>
    <row r="501" spans="1:7" x14ac:dyDescent="0.25">
      <c r="A501" s="10">
        <v>184</v>
      </c>
      <c r="B501" s="10">
        <v>74.619249999999994</v>
      </c>
      <c r="C501" s="10">
        <v>71.123249999999999</v>
      </c>
      <c r="D501" s="10">
        <v>66.679000000000002</v>
      </c>
      <c r="E501" s="10">
        <v>62.344000000000001</v>
      </c>
      <c r="F501" s="10">
        <v>55.208750000000002</v>
      </c>
      <c r="G501" s="10">
        <v>45.8245</v>
      </c>
    </row>
    <row r="502" spans="1:7" x14ac:dyDescent="0.25">
      <c r="A502" s="10">
        <v>184.5</v>
      </c>
      <c r="B502" s="10">
        <v>74.4465</v>
      </c>
      <c r="C502" s="10">
        <v>70.946749999999994</v>
      </c>
      <c r="D502" s="10">
        <v>66.511499999999998</v>
      </c>
      <c r="E502" s="10">
        <v>62.192500000000003</v>
      </c>
      <c r="F502" s="10">
        <v>55.098500000000001</v>
      </c>
      <c r="G502" s="10">
        <v>45.782499999999999</v>
      </c>
    </row>
    <row r="503" spans="1:7" x14ac:dyDescent="0.25">
      <c r="A503" s="10">
        <v>185</v>
      </c>
      <c r="B503" s="10">
        <v>74.258750000000006</v>
      </c>
      <c r="C503" s="10">
        <v>70.759749999999997</v>
      </c>
      <c r="D503" s="10">
        <v>66.303749999999994</v>
      </c>
      <c r="E503" s="10">
        <v>62.042749999999998</v>
      </c>
      <c r="F503" s="10">
        <v>54.978499999999997</v>
      </c>
      <c r="G503" s="10">
        <v>45.747250000000001</v>
      </c>
    </row>
    <row r="504" spans="1:7" x14ac:dyDescent="0.25">
      <c r="A504" s="10">
        <v>185.5</v>
      </c>
      <c r="B504" s="10">
        <v>74.058999999999997</v>
      </c>
      <c r="C504" s="10">
        <v>70.557500000000005</v>
      </c>
      <c r="D504" s="10">
        <v>66.174250000000001</v>
      </c>
      <c r="E504" s="10">
        <v>61.91375</v>
      </c>
      <c r="F504" s="10">
        <v>54.893500000000003</v>
      </c>
      <c r="G504" s="10">
        <v>45.686999999999998</v>
      </c>
    </row>
    <row r="505" spans="1:7" x14ac:dyDescent="0.25">
      <c r="A505" s="10">
        <v>186</v>
      </c>
      <c r="B505" s="10">
        <v>73.842250000000007</v>
      </c>
      <c r="C505" s="10">
        <v>70.39425</v>
      </c>
      <c r="D505" s="10">
        <v>65.996750000000006</v>
      </c>
      <c r="E505" s="10">
        <v>61.765999999999998</v>
      </c>
      <c r="F505" s="10">
        <v>54.771250000000002</v>
      </c>
      <c r="G505" s="10">
        <v>45.625749999999996</v>
      </c>
    </row>
    <row r="506" spans="1:7" x14ac:dyDescent="0.25">
      <c r="A506" s="10">
        <v>186.5</v>
      </c>
      <c r="B506" s="10">
        <v>73.675250000000005</v>
      </c>
      <c r="C506" s="10">
        <v>70.236249999999998</v>
      </c>
      <c r="D506" s="10">
        <v>65.835250000000002</v>
      </c>
      <c r="E506" s="10">
        <v>61.619750000000003</v>
      </c>
      <c r="F506" s="10">
        <v>54.631250000000001</v>
      </c>
      <c r="G506" s="10">
        <v>45.549250000000001</v>
      </c>
    </row>
    <row r="507" spans="1:7" x14ac:dyDescent="0.25">
      <c r="A507" s="10">
        <v>187</v>
      </c>
      <c r="B507" s="10">
        <v>73.466499999999996</v>
      </c>
      <c r="C507" s="10">
        <v>70.018749999999997</v>
      </c>
      <c r="D507" s="10">
        <v>65.656499999999994</v>
      </c>
      <c r="E507" s="10">
        <v>61.481749999999998</v>
      </c>
      <c r="F507" s="10">
        <v>54.550249999999998</v>
      </c>
      <c r="G507" s="10">
        <v>45.533250000000002</v>
      </c>
    </row>
    <row r="508" spans="1:7" x14ac:dyDescent="0.25">
      <c r="A508" s="10">
        <v>187.5</v>
      </c>
      <c r="B508" s="10">
        <v>73.278999999999996</v>
      </c>
      <c r="C508" s="10">
        <v>69.841750000000005</v>
      </c>
      <c r="D508" s="10">
        <v>65.489999999999995</v>
      </c>
      <c r="E508" s="10">
        <v>61.341250000000002</v>
      </c>
      <c r="F508" s="10">
        <v>54.428750000000001</v>
      </c>
      <c r="G508" s="10">
        <v>45.432000000000002</v>
      </c>
    </row>
    <row r="509" spans="1:7" x14ac:dyDescent="0.25">
      <c r="A509" s="10">
        <v>188</v>
      </c>
      <c r="B509" s="10">
        <v>73.097250000000003</v>
      </c>
      <c r="C509" s="10">
        <v>69.647499999999994</v>
      </c>
      <c r="D509" s="10">
        <v>65.328749999999999</v>
      </c>
      <c r="E509" s="10">
        <v>61.207000000000001</v>
      </c>
      <c r="F509" s="10">
        <v>54.343249999999998</v>
      </c>
      <c r="G509" s="10">
        <v>45.403750000000002</v>
      </c>
    </row>
    <row r="510" spans="1:7" x14ac:dyDescent="0.25">
      <c r="A510" s="10">
        <v>188.5</v>
      </c>
      <c r="B510" s="10">
        <v>72.903999999999996</v>
      </c>
      <c r="C510" s="10">
        <v>69.4495</v>
      </c>
      <c r="D510" s="10">
        <v>65.161000000000001</v>
      </c>
      <c r="E510" s="10">
        <v>61.07</v>
      </c>
      <c r="F510" s="10">
        <v>54.229500000000002</v>
      </c>
      <c r="G510" s="10">
        <v>45.363500000000002</v>
      </c>
    </row>
    <row r="511" spans="1:7" x14ac:dyDescent="0.25">
      <c r="A511" s="10">
        <v>189</v>
      </c>
      <c r="B511" s="10">
        <v>72.723249999999993</v>
      </c>
      <c r="C511" s="10">
        <v>69.296750000000003</v>
      </c>
      <c r="D511" s="10">
        <v>65.012</v>
      </c>
      <c r="E511" s="10">
        <v>60.938249999999996</v>
      </c>
      <c r="F511" s="10">
        <v>54.128749999999997</v>
      </c>
      <c r="G511" s="10">
        <v>45.31</v>
      </c>
    </row>
    <row r="512" spans="1:7" x14ac:dyDescent="0.25">
      <c r="A512" s="10">
        <v>189.5</v>
      </c>
      <c r="B512" s="10">
        <v>72.527749999999997</v>
      </c>
      <c r="C512" s="10">
        <v>69.115250000000003</v>
      </c>
      <c r="D512" s="10">
        <v>64.844750000000005</v>
      </c>
      <c r="E512" s="10">
        <v>60.802250000000001</v>
      </c>
      <c r="F512" s="10">
        <v>53.984250000000003</v>
      </c>
      <c r="G512" s="10">
        <v>45.253</v>
      </c>
    </row>
    <row r="513" spans="1:7" x14ac:dyDescent="0.25">
      <c r="A513" s="10">
        <v>190</v>
      </c>
      <c r="B513" s="10">
        <v>72.357749999999996</v>
      </c>
      <c r="C513" s="10">
        <v>68.956999999999994</v>
      </c>
      <c r="D513" s="10">
        <v>64.681250000000006</v>
      </c>
      <c r="E513" s="10">
        <v>60.661000000000001</v>
      </c>
      <c r="F513" s="10">
        <v>53.887999999999998</v>
      </c>
      <c r="G513" s="10">
        <v>45.216500000000003</v>
      </c>
    </row>
    <row r="514" spans="1:7" x14ac:dyDescent="0.25">
      <c r="A514" s="10">
        <v>190.5</v>
      </c>
      <c r="B514" s="10">
        <v>72.157250000000005</v>
      </c>
      <c r="C514" s="10">
        <v>68.782749999999993</v>
      </c>
      <c r="D514" s="10">
        <v>64.524749999999997</v>
      </c>
      <c r="E514" s="10">
        <v>60.538249999999998</v>
      </c>
      <c r="F514" s="10">
        <v>53.808250000000001</v>
      </c>
      <c r="G514" s="10">
        <v>45.138750000000002</v>
      </c>
    </row>
    <row r="515" spans="1:7" x14ac:dyDescent="0.25">
      <c r="A515" s="10">
        <v>191</v>
      </c>
      <c r="B515" s="10">
        <v>71.984999999999999</v>
      </c>
      <c r="C515" s="10">
        <v>68.593500000000006</v>
      </c>
      <c r="D515" s="10">
        <v>64.369500000000002</v>
      </c>
      <c r="E515" s="10">
        <v>60.409750000000003</v>
      </c>
      <c r="F515" s="10">
        <v>53.678750000000001</v>
      </c>
      <c r="G515" s="10">
        <v>45.101999999999997</v>
      </c>
    </row>
    <row r="516" spans="1:7" x14ac:dyDescent="0.25">
      <c r="A516" s="10">
        <v>191.5</v>
      </c>
      <c r="B516" s="10">
        <v>71.801749999999998</v>
      </c>
      <c r="C516" s="10">
        <v>68.414500000000004</v>
      </c>
      <c r="D516" s="10">
        <v>64.200249999999997</v>
      </c>
      <c r="E516" s="10">
        <v>60.269500000000001</v>
      </c>
      <c r="F516" s="10">
        <v>53.568249999999999</v>
      </c>
      <c r="G516" s="10">
        <v>45.050750000000001</v>
      </c>
    </row>
    <row r="517" spans="1:7" x14ac:dyDescent="0.25">
      <c r="A517" s="10">
        <v>192</v>
      </c>
      <c r="B517" s="10">
        <v>71.643249999999995</v>
      </c>
      <c r="C517" s="10">
        <v>68.234250000000003</v>
      </c>
      <c r="D517" s="10">
        <v>64.058000000000007</v>
      </c>
      <c r="E517" s="10">
        <v>60.122999999999998</v>
      </c>
      <c r="F517" s="10">
        <v>53.462499999999999</v>
      </c>
      <c r="G517" s="10">
        <v>44.98</v>
      </c>
    </row>
    <row r="518" spans="1:7" x14ac:dyDescent="0.25">
      <c r="A518" s="10">
        <v>192.5</v>
      </c>
      <c r="B518" s="10">
        <v>71.460999999999999</v>
      </c>
      <c r="C518" s="10">
        <v>68.097250000000003</v>
      </c>
      <c r="D518" s="10">
        <v>63.90025</v>
      </c>
      <c r="E518" s="10">
        <v>59.982750000000003</v>
      </c>
      <c r="F518" s="10">
        <v>53.376750000000001</v>
      </c>
      <c r="G518" s="10">
        <v>44.947000000000003</v>
      </c>
    </row>
    <row r="519" spans="1:7" x14ac:dyDescent="0.25">
      <c r="A519" s="10">
        <v>193</v>
      </c>
      <c r="B519" s="10">
        <v>71.286749999999998</v>
      </c>
      <c r="C519" s="10">
        <v>67.900750000000002</v>
      </c>
      <c r="D519" s="10">
        <v>63.742750000000001</v>
      </c>
      <c r="E519" s="10">
        <v>59.850499999999997</v>
      </c>
      <c r="F519" s="10">
        <v>53.268000000000001</v>
      </c>
      <c r="G519" s="10">
        <v>44.841250000000002</v>
      </c>
    </row>
    <row r="520" spans="1:7" x14ac:dyDescent="0.25">
      <c r="A520" s="10">
        <v>193.5</v>
      </c>
      <c r="B520" s="10">
        <v>71.126999999999995</v>
      </c>
      <c r="C520" s="10">
        <v>67.76925</v>
      </c>
      <c r="D520" s="10">
        <v>63.632750000000001</v>
      </c>
      <c r="E520" s="10">
        <v>59.71425</v>
      </c>
      <c r="F520" s="10">
        <v>53.149500000000003</v>
      </c>
      <c r="G520" s="10">
        <v>44.83625</v>
      </c>
    </row>
    <row r="521" spans="1:7" x14ac:dyDescent="0.25">
      <c r="A521" s="10">
        <v>194</v>
      </c>
      <c r="B521" s="10">
        <v>70.938500000000005</v>
      </c>
      <c r="C521" s="10">
        <v>67.578999999999994</v>
      </c>
      <c r="D521" s="10">
        <v>63.444249999999997</v>
      </c>
      <c r="E521" s="10">
        <v>59.59075</v>
      </c>
      <c r="F521" s="10">
        <v>53.049250000000001</v>
      </c>
      <c r="G521" s="10">
        <v>44.777749999999997</v>
      </c>
    </row>
    <row r="522" spans="1:7" x14ac:dyDescent="0.25">
      <c r="A522" s="10">
        <v>194.5</v>
      </c>
      <c r="B522" s="10">
        <v>70.721500000000006</v>
      </c>
      <c r="C522" s="10">
        <v>67.430750000000003</v>
      </c>
      <c r="D522" s="10">
        <v>63.3035</v>
      </c>
      <c r="E522" s="10">
        <v>59.468249999999998</v>
      </c>
      <c r="F522" s="10">
        <v>52.956499999999998</v>
      </c>
      <c r="G522" s="10">
        <v>44.739750000000001</v>
      </c>
    </row>
    <row r="523" spans="1:7" x14ac:dyDescent="0.25">
      <c r="A523" s="10">
        <v>195</v>
      </c>
      <c r="B523" s="10">
        <v>70.597499999999997</v>
      </c>
      <c r="C523" s="10">
        <v>67.259249999999994</v>
      </c>
      <c r="D523" s="10">
        <v>63.166249999999998</v>
      </c>
      <c r="E523" s="10">
        <v>59.357250000000001</v>
      </c>
      <c r="F523" s="10">
        <v>52.845500000000001</v>
      </c>
      <c r="G523" s="10">
        <v>44.646500000000003</v>
      </c>
    </row>
    <row r="524" spans="1:7" x14ac:dyDescent="0.25">
      <c r="A524" s="10">
        <v>195.5</v>
      </c>
      <c r="B524" s="10">
        <v>70.427000000000007</v>
      </c>
      <c r="C524" s="10">
        <v>67.082750000000004</v>
      </c>
      <c r="D524" s="10">
        <v>63.002249999999997</v>
      </c>
      <c r="E524" s="10">
        <v>59.212249999999997</v>
      </c>
      <c r="F524" s="10">
        <v>52.744999999999997</v>
      </c>
      <c r="G524" s="10">
        <v>44.603499999999997</v>
      </c>
    </row>
    <row r="525" spans="1:7" x14ac:dyDescent="0.25">
      <c r="A525" s="10">
        <v>196</v>
      </c>
      <c r="B525" s="10">
        <v>70.238749999999996</v>
      </c>
      <c r="C525" s="10">
        <v>66.937250000000006</v>
      </c>
      <c r="D525" s="10">
        <v>62.853250000000003</v>
      </c>
      <c r="E525" s="10">
        <v>59.094749999999998</v>
      </c>
      <c r="F525" s="10">
        <v>52.649500000000003</v>
      </c>
      <c r="G525" s="10">
        <v>44.565750000000001</v>
      </c>
    </row>
    <row r="526" spans="1:7" x14ac:dyDescent="0.25">
      <c r="A526" s="10">
        <v>196.5</v>
      </c>
      <c r="B526" s="10">
        <v>70.072749999999999</v>
      </c>
      <c r="C526" s="10">
        <v>66.775000000000006</v>
      </c>
      <c r="D526" s="10">
        <v>62.691499999999998</v>
      </c>
      <c r="E526" s="10">
        <v>58.965249999999997</v>
      </c>
      <c r="F526" s="10">
        <v>52.533749999999998</v>
      </c>
      <c r="G526" s="10">
        <v>44.518999999999998</v>
      </c>
    </row>
    <row r="527" spans="1:7" x14ac:dyDescent="0.25">
      <c r="A527" s="10">
        <v>197</v>
      </c>
      <c r="B527" s="10">
        <v>69.930499999999995</v>
      </c>
      <c r="C527" s="10">
        <v>66.610749999999996</v>
      </c>
      <c r="D527" s="10">
        <v>62.571249999999999</v>
      </c>
      <c r="E527" s="10">
        <v>58.844499999999996</v>
      </c>
      <c r="F527" s="10">
        <v>52.432749999999999</v>
      </c>
      <c r="G527" s="10">
        <v>44.483249999999998</v>
      </c>
    </row>
    <row r="528" spans="1:7" x14ac:dyDescent="0.25">
      <c r="A528" s="10">
        <v>197.5</v>
      </c>
      <c r="B528" s="10">
        <v>69.748000000000005</v>
      </c>
      <c r="C528" s="10">
        <v>66.441000000000003</v>
      </c>
      <c r="D528" s="10">
        <v>62.401499999999999</v>
      </c>
      <c r="E528" s="10">
        <v>58.698500000000003</v>
      </c>
      <c r="F528" s="10">
        <v>52.348999999999997</v>
      </c>
      <c r="G528" s="10">
        <v>44.405250000000002</v>
      </c>
    </row>
    <row r="529" spans="1:7" x14ac:dyDescent="0.25">
      <c r="A529" s="10">
        <v>198</v>
      </c>
      <c r="B529" s="10">
        <v>69.560749999999999</v>
      </c>
      <c r="C529" s="10">
        <v>66.278000000000006</v>
      </c>
      <c r="D529" s="10">
        <v>62.266500000000001</v>
      </c>
      <c r="E529" s="10">
        <v>58.559750000000001</v>
      </c>
      <c r="F529" s="10">
        <v>52.246250000000003</v>
      </c>
      <c r="G529" s="10">
        <v>44.364750000000001</v>
      </c>
    </row>
    <row r="530" spans="1:7" x14ac:dyDescent="0.25">
      <c r="A530" s="10">
        <v>198.5</v>
      </c>
      <c r="B530" s="10">
        <v>69.411249999999995</v>
      </c>
      <c r="C530" s="10">
        <v>66.100250000000003</v>
      </c>
      <c r="D530" s="10">
        <v>62.121250000000003</v>
      </c>
      <c r="E530" s="10">
        <v>58.487250000000003</v>
      </c>
      <c r="F530" s="10">
        <v>52.171250000000001</v>
      </c>
      <c r="G530" s="10">
        <v>44.323749999999997</v>
      </c>
    </row>
    <row r="531" spans="1:7" x14ac:dyDescent="0.25">
      <c r="A531" s="10">
        <v>199</v>
      </c>
      <c r="B531" s="10">
        <v>69.245750000000001</v>
      </c>
      <c r="C531" s="10">
        <v>65.986750000000001</v>
      </c>
      <c r="D531" s="10">
        <v>61.976500000000001</v>
      </c>
      <c r="E531" s="10">
        <v>58.33775</v>
      </c>
      <c r="F531" s="10">
        <v>52.051000000000002</v>
      </c>
      <c r="G531" s="10">
        <v>44.231499999999997</v>
      </c>
    </row>
    <row r="532" spans="1:7" x14ac:dyDescent="0.25">
      <c r="A532" s="10">
        <v>199.5</v>
      </c>
      <c r="B532" s="10">
        <v>69.096999999999994</v>
      </c>
      <c r="C532" s="10">
        <v>65.805750000000003</v>
      </c>
      <c r="D532" s="10">
        <v>61.839750000000002</v>
      </c>
      <c r="E532" s="10">
        <v>58.213749999999997</v>
      </c>
      <c r="F532" s="10">
        <v>51.923749999999998</v>
      </c>
      <c r="G532" s="10">
        <v>44.192749999999997</v>
      </c>
    </row>
    <row r="533" spans="1:7" x14ac:dyDescent="0.25">
      <c r="A533" s="10">
        <v>200</v>
      </c>
      <c r="B533" s="10">
        <v>68.889750000000006</v>
      </c>
      <c r="C533" s="10">
        <v>65.656750000000002</v>
      </c>
      <c r="D533" s="10">
        <v>61.701000000000001</v>
      </c>
      <c r="E533" s="10">
        <v>58.094000000000001</v>
      </c>
      <c r="F533" s="10">
        <v>51.842500000000001</v>
      </c>
      <c r="G533" s="10">
        <v>44.143500000000003</v>
      </c>
    </row>
    <row r="534" spans="1:7" x14ac:dyDescent="0.25">
      <c r="A534" s="10">
        <v>200.5</v>
      </c>
      <c r="B534" s="10">
        <v>68.766499999999994</v>
      </c>
      <c r="C534" s="10">
        <v>65.513249999999999</v>
      </c>
      <c r="D534" s="10">
        <v>61.539749999999998</v>
      </c>
      <c r="E534" s="10">
        <v>57.975749999999998</v>
      </c>
      <c r="F534" s="10">
        <v>51.752000000000002</v>
      </c>
      <c r="G534" s="10">
        <v>44.078499999999998</v>
      </c>
    </row>
    <row r="535" spans="1:7" x14ac:dyDescent="0.25">
      <c r="A535" s="10">
        <v>201</v>
      </c>
      <c r="B535" s="10">
        <v>68.612250000000003</v>
      </c>
      <c r="C535" s="10">
        <v>65.348749999999995</v>
      </c>
      <c r="D535" s="10">
        <v>61.413499999999999</v>
      </c>
      <c r="E535" s="10">
        <v>57.863</v>
      </c>
      <c r="F535" s="10">
        <v>51.639249999999997</v>
      </c>
      <c r="G535" s="10">
        <v>44.036000000000001</v>
      </c>
    </row>
    <row r="536" spans="1:7" x14ac:dyDescent="0.25">
      <c r="A536" s="10">
        <v>201.5</v>
      </c>
      <c r="B536" s="10">
        <v>68.447999999999993</v>
      </c>
      <c r="C536" s="10">
        <v>65.188500000000005</v>
      </c>
      <c r="D536" s="10">
        <v>61.270499999999998</v>
      </c>
      <c r="E536" s="10">
        <v>57.751249999999999</v>
      </c>
      <c r="F536" s="10">
        <v>51.550249999999998</v>
      </c>
      <c r="G536" s="10">
        <v>44.006500000000003</v>
      </c>
    </row>
    <row r="537" spans="1:7" x14ac:dyDescent="0.25">
      <c r="A537" s="10">
        <v>202</v>
      </c>
      <c r="B537" s="10">
        <v>68.277749999999997</v>
      </c>
      <c r="C537" s="10">
        <v>65.055999999999997</v>
      </c>
      <c r="D537" s="10">
        <v>61.141500000000001</v>
      </c>
      <c r="E537" s="10">
        <v>57.615000000000002</v>
      </c>
      <c r="F537" s="10">
        <v>51.460500000000003</v>
      </c>
      <c r="G537" s="10">
        <v>43.95</v>
      </c>
    </row>
    <row r="538" spans="1:7" x14ac:dyDescent="0.25">
      <c r="A538" s="10">
        <v>202.5</v>
      </c>
      <c r="B538" s="10">
        <v>68.133250000000004</v>
      </c>
      <c r="C538" s="10">
        <v>64.879750000000001</v>
      </c>
      <c r="D538" s="10">
        <v>60.975499999999997</v>
      </c>
      <c r="E538" s="10">
        <v>57.478999999999999</v>
      </c>
      <c r="F538" s="10">
        <v>51.359250000000003</v>
      </c>
      <c r="G538" s="10">
        <v>43.863250000000001</v>
      </c>
    </row>
    <row r="539" spans="1:7" x14ac:dyDescent="0.25">
      <c r="A539" s="10">
        <v>203</v>
      </c>
      <c r="B539" s="10">
        <v>67.961749999999995</v>
      </c>
      <c r="C539" s="10">
        <v>64.760000000000005</v>
      </c>
      <c r="D539" s="10">
        <v>60.852249999999998</v>
      </c>
      <c r="E539" s="10">
        <v>57.392249999999997</v>
      </c>
      <c r="F539" s="10">
        <v>51.284500000000001</v>
      </c>
      <c r="G539" s="10">
        <v>43.830750000000002</v>
      </c>
    </row>
    <row r="540" spans="1:7" x14ac:dyDescent="0.25">
      <c r="A540" s="10">
        <v>203.5</v>
      </c>
      <c r="B540" s="10">
        <v>67.815749999999994</v>
      </c>
      <c r="C540" s="10">
        <v>64.619749999999996</v>
      </c>
      <c r="D540" s="10">
        <v>60.739249999999998</v>
      </c>
      <c r="E540" s="10">
        <v>57.264749999999999</v>
      </c>
      <c r="F540" s="10">
        <v>51.168999999999997</v>
      </c>
      <c r="G540" s="10">
        <v>43.791249999999998</v>
      </c>
    </row>
    <row r="541" spans="1:7" x14ac:dyDescent="0.25">
      <c r="A541" s="10">
        <v>204</v>
      </c>
      <c r="B541" s="10">
        <v>67.673749999999998</v>
      </c>
      <c r="C541" s="10">
        <v>64.436250000000001</v>
      </c>
      <c r="D541" s="10">
        <v>60.606499999999997</v>
      </c>
      <c r="E541" s="10">
        <v>57.160499999999999</v>
      </c>
      <c r="F541" s="10">
        <v>51.093000000000004</v>
      </c>
      <c r="G541" s="10">
        <v>43.71275</v>
      </c>
    </row>
    <row r="542" spans="1:7" x14ac:dyDescent="0.25">
      <c r="A542" s="10">
        <v>204.5</v>
      </c>
      <c r="B542" s="10">
        <v>67.529750000000007</v>
      </c>
      <c r="C542" s="10">
        <v>64.308000000000007</v>
      </c>
      <c r="D542" s="10">
        <v>60.442999999999998</v>
      </c>
      <c r="E542" s="10">
        <v>57.045000000000002</v>
      </c>
      <c r="F542" s="10">
        <v>51.000500000000002</v>
      </c>
      <c r="G542" s="10">
        <v>43.665750000000003</v>
      </c>
    </row>
    <row r="543" spans="1:7" x14ac:dyDescent="0.25">
      <c r="A543" s="10">
        <v>205</v>
      </c>
      <c r="B543" s="10">
        <v>67.365250000000003</v>
      </c>
      <c r="C543" s="10">
        <v>64.159000000000006</v>
      </c>
      <c r="D543" s="10">
        <v>60.335000000000001</v>
      </c>
      <c r="E543" s="10">
        <v>56.927</v>
      </c>
      <c r="F543" s="10">
        <v>50.878500000000003</v>
      </c>
      <c r="G543" s="10">
        <v>43.616500000000002</v>
      </c>
    </row>
    <row r="544" spans="1:7" x14ac:dyDescent="0.25">
      <c r="A544" s="10">
        <v>205.5</v>
      </c>
      <c r="B544" s="10">
        <v>67.212999999999994</v>
      </c>
      <c r="C544" s="10">
        <v>64.001750000000001</v>
      </c>
      <c r="D544" s="10">
        <v>60.182499999999997</v>
      </c>
      <c r="E544" s="10">
        <v>56.786499999999997</v>
      </c>
      <c r="F544" s="10">
        <v>50.792999999999999</v>
      </c>
      <c r="G544" s="10">
        <v>43.555750000000003</v>
      </c>
    </row>
    <row r="545" spans="1:7" x14ac:dyDescent="0.25">
      <c r="A545" s="10">
        <v>206</v>
      </c>
      <c r="B545" s="10">
        <v>67.057249999999996</v>
      </c>
      <c r="C545" s="10">
        <v>63.881</v>
      </c>
      <c r="D545" s="10">
        <v>60.076500000000003</v>
      </c>
      <c r="E545" s="10">
        <v>56.694249999999997</v>
      </c>
      <c r="F545" s="10">
        <v>50.700249999999997</v>
      </c>
      <c r="G545" s="10">
        <v>43.484999999999999</v>
      </c>
    </row>
    <row r="546" spans="1:7" x14ac:dyDescent="0.25">
      <c r="A546" s="10">
        <v>206.5</v>
      </c>
      <c r="B546" s="10">
        <v>66.932249999999996</v>
      </c>
      <c r="C546" s="10">
        <v>63.713250000000002</v>
      </c>
      <c r="D546" s="10">
        <v>59.926250000000003</v>
      </c>
      <c r="E546" s="10">
        <v>56.586750000000002</v>
      </c>
      <c r="F546" s="10">
        <v>50.647750000000002</v>
      </c>
      <c r="G546" s="10">
        <v>43.460500000000003</v>
      </c>
    </row>
    <row r="547" spans="1:7" x14ac:dyDescent="0.25">
      <c r="A547" s="10">
        <v>207</v>
      </c>
      <c r="B547" s="10">
        <v>66.770250000000004</v>
      </c>
      <c r="C547" s="10">
        <v>63.572499999999998</v>
      </c>
      <c r="D547" s="10">
        <v>59.783250000000002</v>
      </c>
      <c r="E547" s="10">
        <v>56.487000000000002</v>
      </c>
      <c r="F547" s="10">
        <v>50.534750000000003</v>
      </c>
      <c r="G547" s="10">
        <v>43.431750000000001</v>
      </c>
    </row>
    <row r="548" spans="1:7" x14ac:dyDescent="0.25">
      <c r="A548" s="10">
        <v>207.5</v>
      </c>
      <c r="B548" s="10">
        <v>66.607749999999996</v>
      </c>
      <c r="C548" s="10">
        <v>63.432749999999999</v>
      </c>
      <c r="D548" s="10">
        <v>59.678249999999998</v>
      </c>
      <c r="E548" s="10">
        <v>56.343000000000004</v>
      </c>
      <c r="F548" s="10">
        <v>50.427</v>
      </c>
      <c r="G548" s="10">
        <v>43.376750000000001</v>
      </c>
    </row>
    <row r="549" spans="1:7" x14ac:dyDescent="0.25">
      <c r="A549" s="10">
        <v>208</v>
      </c>
      <c r="B549" s="10">
        <v>66.446250000000006</v>
      </c>
      <c r="C549" s="10">
        <v>63.289749999999998</v>
      </c>
      <c r="D549" s="10">
        <v>59.512250000000002</v>
      </c>
      <c r="E549" s="10">
        <v>56.233499999999999</v>
      </c>
      <c r="F549" s="10">
        <v>50.343000000000004</v>
      </c>
      <c r="G549" s="10">
        <v>43.313749999999999</v>
      </c>
    </row>
    <row r="550" spans="1:7" x14ac:dyDescent="0.25">
      <c r="A550" s="10">
        <v>208.5</v>
      </c>
      <c r="B550" s="10">
        <v>66.328249999999997</v>
      </c>
      <c r="C550" s="10">
        <v>63.146999999999998</v>
      </c>
      <c r="D550" s="10">
        <v>59.407249999999998</v>
      </c>
      <c r="E550" s="10">
        <v>56.119500000000002</v>
      </c>
      <c r="F550" s="10">
        <v>50.249499999999998</v>
      </c>
      <c r="G550" s="10">
        <v>43.268749999999997</v>
      </c>
    </row>
    <row r="551" spans="1:7" x14ac:dyDescent="0.25">
      <c r="A551" s="10">
        <v>209</v>
      </c>
      <c r="B551" s="10">
        <v>66.167500000000004</v>
      </c>
      <c r="C551" s="10">
        <v>63.019750000000002</v>
      </c>
      <c r="D551" s="10">
        <v>59.275500000000001</v>
      </c>
      <c r="E551" s="10">
        <v>56.016750000000002</v>
      </c>
      <c r="F551" s="10">
        <v>50.167000000000002</v>
      </c>
      <c r="G551" s="10">
        <v>43.216000000000001</v>
      </c>
    </row>
    <row r="552" spans="1:7" x14ac:dyDescent="0.25">
      <c r="A552" s="10">
        <v>209.5</v>
      </c>
      <c r="B552" s="10">
        <v>66.029250000000005</v>
      </c>
      <c r="C552" s="10">
        <v>62.865749999999998</v>
      </c>
      <c r="D552" s="10">
        <v>59.154000000000003</v>
      </c>
      <c r="E552" s="10">
        <v>55.914999999999999</v>
      </c>
      <c r="F552" s="10">
        <v>50.075499999999998</v>
      </c>
      <c r="G552" s="10">
        <v>43.161250000000003</v>
      </c>
    </row>
    <row r="553" spans="1:7" x14ac:dyDescent="0.25">
      <c r="A553" s="10">
        <v>210</v>
      </c>
      <c r="B553" s="10">
        <v>65.871499999999997</v>
      </c>
      <c r="C553" s="10">
        <v>62.728250000000003</v>
      </c>
      <c r="D553" s="10">
        <v>59.047499999999999</v>
      </c>
      <c r="E553" s="10">
        <v>55.794499999999999</v>
      </c>
      <c r="F553" s="10">
        <v>49.976999999999997</v>
      </c>
      <c r="G553" s="10">
        <v>43.110750000000003</v>
      </c>
    </row>
    <row r="554" spans="1:7" x14ac:dyDescent="0.25">
      <c r="A554" s="10">
        <v>210.5</v>
      </c>
      <c r="B554" s="10">
        <v>65.734999999999999</v>
      </c>
      <c r="C554" s="10">
        <v>62.62</v>
      </c>
      <c r="D554" s="10">
        <v>58.914499999999997</v>
      </c>
      <c r="E554" s="10">
        <v>55.688000000000002</v>
      </c>
      <c r="F554" s="10">
        <v>49.899250000000002</v>
      </c>
      <c r="G554" s="10">
        <v>43.083500000000001</v>
      </c>
    </row>
    <row r="555" spans="1:7" x14ac:dyDescent="0.25">
      <c r="A555" s="10">
        <v>211</v>
      </c>
      <c r="B555" s="10">
        <v>65.579750000000004</v>
      </c>
      <c r="C555" s="10">
        <v>62.447499999999998</v>
      </c>
      <c r="D555" s="10">
        <v>58.792999999999999</v>
      </c>
      <c r="E555" s="10">
        <v>55.571750000000002</v>
      </c>
      <c r="F555" s="10">
        <v>49.8005</v>
      </c>
      <c r="G555" s="10">
        <v>43.024250000000002</v>
      </c>
    </row>
    <row r="556" spans="1:7" x14ac:dyDescent="0.25">
      <c r="A556" s="10">
        <v>211.5</v>
      </c>
      <c r="B556" s="10">
        <v>65.448499999999996</v>
      </c>
      <c r="C556" s="10">
        <v>62.337499999999999</v>
      </c>
      <c r="D556" s="10">
        <v>58.631999999999998</v>
      </c>
      <c r="E556" s="10">
        <v>55.448250000000002</v>
      </c>
      <c r="F556" s="10">
        <v>49.705500000000001</v>
      </c>
      <c r="G556" s="10">
        <v>42.943249999999999</v>
      </c>
    </row>
    <row r="557" spans="1:7" x14ac:dyDescent="0.25">
      <c r="A557" s="10">
        <v>212</v>
      </c>
      <c r="B557" s="10">
        <v>65.301000000000002</v>
      </c>
      <c r="C557" s="10">
        <v>62.193249999999999</v>
      </c>
      <c r="D557" s="10">
        <v>58.531750000000002</v>
      </c>
      <c r="E557" s="10">
        <v>55.359250000000003</v>
      </c>
      <c r="F557" s="10">
        <v>49.628999999999998</v>
      </c>
      <c r="G557" s="10">
        <v>42.925249999999998</v>
      </c>
    </row>
    <row r="558" spans="1:7" x14ac:dyDescent="0.25">
      <c r="A558" s="10">
        <v>212.5</v>
      </c>
      <c r="B558" s="10">
        <v>65.165999999999997</v>
      </c>
      <c r="C558" s="10">
        <v>62.060749999999999</v>
      </c>
      <c r="D558" s="10">
        <v>58.408999999999999</v>
      </c>
      <c r="E558" s="10">
        <v>55.238999999999997</v>
      </c>
      <c r="F558" s="10">
        <v>49.531750000000002</v>
      </c>
      <c r="G558" s="10">
        <v>42.872999999999998</v>
      </c>
    </row>
    <row r="559" spans="1:7" x14ac:dyDescent="0.25">
      <c r="A559" s="10">
        <v>213</v>
      </c>
      <c r="B559" s="10">
        <v>65.024500000000003</v>
      </c>
      <c r="C559" s="10">
        <v>61.909750000000003</v>
      </c>
      <c r="D559" s="10">
        <v>58.289250000000003</v>
      </c>
      <c r="E559" s="10">
        <v>55.124250000000004</v>
      </c>
      <c r="F559" s="10">
        <v>49.469250000000002</v>
      </c>
      <c r="G559" s="10">
        <v>42.832250000000002</v>
      </c>
    </row>
    <row r="560" spans="1:7" x14ac:dyDescent="0.25">
      <c r="A560" s="10">
        <v>213.5</v>
      </c>
      <c r="B560" s="10">
        <v>64.888000000000005</v>
      </c>
      <c r="C560" s="10">
        <v>61.808250000000001</v>
      </c>
      <c r="D560" s="10">
        <v>58.187249999999999</v>
      </c>
      <c r="E560" s="10">
        <v>55.029499999999999</v>
      </c>
      <c r="F560" s="10">
        <v>49.354750000000003</v>
      </c>
      <c r="G560" s="10">
        <v>42.771749999999997</v>
      </c>
    </row>
    <row r="561" spans="1:7" x14ac:dyDescent="0.25">
      <c r="A561" s="10">
        <v>214</v>
      </c>
      <c r="B561" s="10">
        <v>64.750749999999996</v>
      </c>
      <c r="C561" s="10">
        <v>61.686250000000001</v>
      </c>
      <c r="D561" s="10">
        <v>58.055500000000002</v>
      </c>
      <c r="E561" s="10">
        <v>54.929749999999999</v>
      </c>
      <c r="F561" s="10">
        <v>49.295999999999999</v>
      </c>
      <c r="G561" s="10">
        <v>42.720999999999997</v>
      </c>
    </row>
    <row r="562" spans="1:7" x14ac:dyDescent="0.25">
      <c r="A562" s="10">
        <v>214.5</v>
      </c>
      <c r="B562" s="10">
        <v>64.605249999999998</v>
      </c>
      <c r="C562" s="10">
        <v>61.492249999999999</v>
      </c>
      <c r="D562" s="10">
        <v>57.940249999999999</v>
      </c>
      <c r="E562" s="10">
        <v>54.83175</v>
      </c>
      <c r="F562" s="10">
        <v>49.194499999999998</v>
      </c>
      <c r="G562" s="10">
        <v>42.670250000000003</v>
      </c>
    </row>
    <row r="563" spans="1:7" x14ac:dyDescent="0.25">
      <c r="A563" s="10">
        <v>215</v>
      </c>
      <c r="B563" s="10">
        <v>64.471000000000004</v>
      </c>
      <c r="C563" s="10">
        <v>61.387999999999998</v>
      </c>
      <c r="D563" s="10">
        <v>57.784500000000001</v>
      </c>
      <c r="E563" s="10">
        <v>54.711750000000002</v>
      </c>
      <c r="F563" s="10">
        <v>49.091999999999999</v>
      </c>
      <c r="G563" s="10">
        <v>42.628</v>
      </c>
    </row>
    <row r="564" spans="1:7" x14ac:dyDescent="0.25">
      <c r="A564" s="10">
        <v>215.5</v>
      </c>
      <c r="B564" s="10">
        <v>64.347750000000005</v>
      </c>
      <c r="C564" s="10">
        <v>61.28125</v>
      </c>
      <c r="D564" s="10">
        <v>57.680750000000003</v>
      </c>
      <c r="E564" s="10">
        <v>54.61</v>
      </c>
      <c r="F564" s="10">
        <v>49.023249999999997</v>
      </c>
      <c r="G564" s="10">
        <v>42.567250000000001</v>
      </c>
    </row>
    <row r="565" spans="1:7" x14ac:dyDescent="0.25">
      <c r="A565" s="10">
        <v>216</v>
      </c>
      <c r="B565" s="10">
        <v>64.22475</v>
      </c>
      <c r="C565" s="10">
        <v>61.118000000000002</v>
      </c>
      <c r="D565" s="10">
        <v>57.566499999999998</v>
      </c>
      <c r="E565" s="10">
        <v>54.527749999999997</v>
      </c>
      <c r="F565" s="10">
        <v>48.970500000000001</v>
      </c>
      <c r="G565" s="10">
        <v>42.52075</v>
      </c>
    </row>
    <row r="566" spans="1:7" x14ac:dyDescent="0.25">
      <c r="A566" s="10">
        <v>216.5</v>
      </c>
      <c r="B566" s="10">
        <v>64.090249999999997</v>
      </c>
      <c r="C566" s="10">
        <v>61.003500000000003</v>
      </c>
      <c r="D566" s="10">
        <v>57.448999999999998</v>
      </c>
      <c r="E566" s="10">
        <v>54.392499999999998</v>
      </c>
      <c r="F566" s="10">
        <v>48.878999999999998</v>
      </c>
      <c r="G566" s="10">
        <v>42.472250000000003</v>
      </c>
    </row>
    <row r="567" spans="1:7" x14ac:dyDescent="0.25">
      <c r="A567" s="10">
        <v>217</v>
      </c>
      <c r="B567" s="10">
        <v>63.968249999999998</v>
      </c>
      <c r="C567" s="10">
        <v>60.899250000000002</v>
      </c>
      <c r="D567" s="10">
        <v>57.337000000000003</v>
      </c>
      <c r="E567" s="10">
        <v>54.325499999999998</v>
      </c>
      <c r="F567" s="10">
        <v>48.778750000000002</v>
      </c>
      <c r="G567" s="10">
        <v>42.414250000000003</v>
      </c>
    </row>
    <row r="568" spans="1:7" x14ac:dyDescent="0.25">
      <c r="A568" s="10">
        <v>217.5</v>
      </c>
      <c r="B568" s="10">
        <v>63.786749999999998</v>
      </c>
      <c r="C568" s="10">
        <v>60.758249999999997</v>
      </c>
      <c r="D568" s="10">
        <v>57.200749999999999</v>
      </c>
      <c r="E568" s="10">
        <v>54.22175</v>
      </c>
      <c r="F568" s="10">
        <v>48.694249999999997</v>
      </c>
      <c r="G568" s="10">
        <v>42.362749999999998</v>
      </c>
    </row>
    <row r="569" spans="1:7" x14ac:dyDescent="0.25">
      <c r="A569" s="10">
        <v>218</v>
      </c>
      <c r="B569" s="10">
        <v>63.653500000000001</v>
      </c>
      <c r="C569" s="10">
        <v>60.643250000000002</v>
      </c>
      <c r="D569" s="10">
        <v>57.100749999999998</v>
      </c>
      <c r="E569" s="10">
        <v>54.1265</v>
      </c>
      <c r="F569" s="10">
        <v>48.622500000000002</v>
      </c>
      <c r="G569" s="10">
        <v>42.327500000000001</v>
      </c>
    </row>
    <row r="570" spans="1:7" x14ac:dyDescent="0.25">
      <c r="A570" s="10">
        <v>218.5</v>
      </c>
      <c r="B570" s="10">
        <v>63.517000000000003</v>
      </c>
      <c r="C570" s="10">
        <v>60.501750000000001</v>
      </c>
      <c r="D570" s="10">
        <v>56.997999999999998</v>
      </c>
      <c r="E570" s="10">
        <v>54.024749999999997</v>
      </c>
      <c r="F570" s="10">
        <v>48.524500000000003</v>
      </c>
      <c r="G570" s="10">
        <v>42.283250000000002</v>
      </c>
    </row>
    <row r="571" spans="1:7" x14ac:dyDescent="0.25">
      <c r="A571" s="10">
        <v>219</v>
      </c>
      <c r="B571" s="10">
        <v>63.396999999999998</v>
      </c>
      <c r="C571" s="10">
        <v>60.37</v>
      </c>
      <c r="D571" s="10">
        <v>56.83925</v>
      </c>
      <c r="E571" s="10">
        <v>53.91525</v>
      </c>
      <c r="F571" s="10">
        <v>48.435749999999999</v>
      </c>
      <c r="G571" s="10">
        <v>42.234999999999999</v>
      </c>
    </row>
    <row r="572" spans="1:7" x14ac:dyDescent="0.25">
      <c r="A572" s="10">
        <v>219.5</v>
      </c>
      <c r="B572" s="10">
        <v>63.290500000000002</v>
      </c>
      <c r="C572" s="10">
        <v>60.270249999999997</v>
      </c>
      <c r="D572" s="10">
        <v>56.764749999999999</v>
      </c>
      <c r="E572" s="10">
        <v>53.819249999999997</v>
      </c>
      <c r="F572" s="10">
        <v>48.365749999999998</v>
      </c>
      <c r="G572" s="10">
        <v>42.177750000000003</v>
      </c>
    </row>
    <row r="573" spans="1:7" x14ac:dyDescent="0.25">
      <c r="A573" s="10">
        <v>220</v>
      </c>
      <c r="B573" s="10">
        <v>63.163499999999999</v>
      </c>
      <c r="C573" s="10">
        <v>60.110999999999997</v>
      </c>
      <c r="D573" s="10">
        <v>56.637</v>
      </c>
      <c r="E573" s="10">
        <v>53.712249999999997</v>
      </c>
      <c r="F573" s="10">
        <v>48.268999999999998</v>
      </c>
      <c r="G573" s="10">
        <v>42.136249999999997</v>
      </c>
    </row>
    <row r="574" spans="1:7" x14ac:dyDescent="0.25">
      <c r="A574" s="10">
        <v>220.5</v>
      </c>
      <c r="B574" s="10">
        <v>63.011249999999997</v>
      </c>
      <c r="C574" s="10">
        <v>60.002499999999998</v>
      </c>
      <c r="D574" s="10">
        <v>56.517499999999998</v>
      </c>
      <c r="E574" s="10">
        <v>53.609250000000003</v>
      </c>
      <c r="F574" s="10">
        <v>48.186500000000002</v>
      </c>
      <c r="G574" s="10">
        <v>42.067</v>
      </c>
    </row>
    <row r="575" spans="1:7" x14ac:dyDescent="0.25">
      <c r="A575" s="10">
        <v>221</v>
      </c>
      <c r="B575" s="10">
        <v>62.922750000000001</v>
      </c>
      <c r="C575" s="10">
        <v>59.884</v>
      </c>
      <c r="D575" s="10">
        <v>56.418999999999997</v>
      </c>
      <c r="E575" s="10">
        <v>53.527000000000001</v>
      </c>
      <c r="F575" s="10">
        <v>48.111750000000001</v>
      </c>
      <c r="G575" s="10">
        <v>42.048250000000003</v>
      </c>
    </row>
    <row r="576" spans="1:7" x14ac:dyDescent="0.25">
      <c r="A576" s="10">
        <v>221.5</v>
      </c>
      <c r="B576" s="10">
        <v>62.762500000000003</v>
      </c>
      <c r="C576" s="10">
        <v>59.789000000000001</v>
      </c>
      <c r="D576" s="10">
        <v>56.313249999999996</v>
      </c>
      <c r="E576" s="10">
        <v>53.4345</v>
      </c>
      <c r="F576" s="10">
        <v>48.015250000000002</v>
      </c>
      <c r="G576" s="10">
        <v>41.9895</v>
      </c>
    </row>
    <row r="577" spans="1:7" x14ac:dyDescent="0.25">
      <c r="A577" s="10">
        <v>222</v>
      </c>
      <c r="B577" s="10">
        <v>62.641500000000001</v>
      </c>
      <c r="C577" s="10">
        <v>59.65775</v>
      </c>
      <c r="D577" s="10">
        <v>56.198</v>
      </c>
      <c r="E577" s="10">
        <v>53.332999999999998</v>
      </c>
      <c r="F577" s="10">
        <v>47.955750000000002</v>
      </c>
      <c r="G577" s="10">
        <v>41.922750000000001</v>
      </c>
    </row>
    <row r="578" spans="1:7" x14ac:dyDescent="0.25">
      <c r="A578" s="10">
        <v>222.5</v>
      </c>
      <c r="B578" s="10">
        <v>62.533749999999998</v>
      </c>
      <c r="C578" s="10">
        <v>59.536749999999998</v>
      </c>
      <c r="D578" s="10">
        <v>56.082500000000003</v>
      </c>
      <c r="E578" s="10">
        <v>53.21725</v>
      </c>
      <c r="F578" s="10">
        <v>47.865749999999998</v>
      </c>
      <c r="G578" s="10">
        <v>41.901499999999999</v>
      </c>
    </row>
    <row r="579" spans="1:7" x14ac:dyDescent="0.25">
      <c r="A579" s="10">
        <v>223</v>
      </c>
      <c r="B579" s="10">
        <v>62.402999999999999</v>
      </c>
      <c r="C579" s="10">
        <v>59.412500000000001</v>
      </c>
      <c r="D579" s="10">
        <v>55.973500000000001</v>
      </c>
      <c r="E579" s="10">
        <v>53.143250000000002</v>
      </c>
      <c r="F579" s="10">
        <v>47.807499999999997</v>
      </c>
      <c r="G579" s="10">
        <v>41.837249999999997</v>
      </c>
    </row>
    <row r="580" spans="1:7" x14ac:dyDescent="0.25">
      <c r="A580" s="10">
        <v>223.5</v>
      </c>
      <c r="B580" s="10">
        <v>62.268500000000003</v>
      </c>
      <c r="C580" s="10">
        <v>59.281999999999996</v>
      </c>
      <c r="D580" s="10">
        <v>55.848500000000001</v>
      </c>
      <c r="E580" s="10">
        <v>53.026000000000003</v>
      </c>
      <c r="F580" s="10">
        <v>47.704999999999998</v>
      </c>
      <c r="G580" s="10">
        <v>41.819249999999997</v>
      </c>
    </row>
    <row r="581" spans="1:7" x14ac:dyDescent="0.25">
      <c r="A581" s="10">
        <v>224</v>
      </c>
      <c r="B581" s="10">
        <v>62.16</v>
      </c>
      <c r="C581" s="10">
        <v>59.156999999999996</v>
      </c>
      <c r="D581" s="10">
        <v>55.738</v>
      </c>
      <c r="E581" s="10">
        <v>52.952500000000001</v>
      </c>
      <c r="F581" s="10">
        <v>47.665999999999997</v>
      </c>
      <c r="G581" s="10">
        <v>41.726500000000001</v>
      </c>
    </row>
    <row r="582" spans="1:7" x14ac:dyDescent="0.25">
      <c r="A582" s="10">
        <v>224.5</v>
      </c>
      <c r="B582" s="10">
        <v>62.03275</v>
      </c>
      <c r="C582" s="10">
        <v>59.051499999999997</v>
      </c>
      <c r="D582" s="10">
        <v>55.667000000000002</v>
      </c>
      <c r="E582" s="10">
        <v>52.868499999999997</v>
      </c>
      <c r="F582" s="10">
        <v>47.560250000000003</v>
      </c>
      <c r="G582" s="10">
        <v>41.672249999999998</v>
      </c>
    </row>
    <row r="583" spans="1:7" x14ac:dyDescent="0.25">
      <c r="A583" s="10">
        <v>225</v>
      </c>
      <c r="B583" s="10">
        <v>61.908999999999999</v>
      </c>
      <c r="C583" s="10">
        <v>58.929499999999997</v>
      </c>
      <c r="D583" s="10">
        <v>55.547499999999999</v>
      </c>
      <c r="E583" s="10">
        <v>52.776249999999997</v>
      </c>
      <c r="F583" s="10">
        <v>47.47625</v>
      </c>
      <c r="G583" s="10">
        <v>41.671250000000001</v>
      </c>
    </row>
    <row r="584" spans="1:7" x14ac:dyDescent="0.25">
      <c r="A584" s="10">
        <v>225.5</v>
      </c>
      <c r="B584" s="10">
        <v>61.79325</v>
      </c>
      <c r="C584" s="10">
        <v>58.844000000000001</v>
      </c>
      <c r="D584" s="10">
        <v>55.4375</v>
      </c>
      <c r="E584" s="10">
        <v>52.652250000000002</v>
      </c>
      <c r="F584" s="10">
        <v>47.398000000000003</v>
      </c>
      <c r="G584" s="10">
        <v>41.612000000000002</v>
      </c>
    </row>
    <row r="585" spans="1:7" x14ac:dyDescent="0.25">
      <c r="A585" s="10">
        <v>226</v>
      </c>
      <c r="B585" s="10">
        <v>61.644750000000002</v>
      </c>
      <c r="C585" s="10">
        <v>58.707500000000003</v>
      </c>
      <c r="D585" s="10">
        <v>55.33775</v>
      </c>
      <c r="E585" s="10">
        <v>52.594499999999996</v>
      </c>
      <c r="F585" s="10">
        <v>47.310250000000003</v>
      </c>
      <c r="G585" s="10">
        <v>41.548749999999998</v>
      </c>
    </row>
    <row r="586" spans="1:7" x14ac:dyDescent="0.25">
      <c r="A586" s="10">
        <v>226.5</v>
      </c>
      <c r="B586" s="10">
        <v>61.550249999999998</v>
      </c>
      <c r="C586" s="10">
        <v>58.58475</v>
      </c>
      <c r="D586" s="10">
        <v>55.201999999999998</v>
      </c>
      <c r="E586" s="10">
        <v>52.473999999999997</v>
      </c>
      <c r="F586" s="10">
        <v>47.261749999999999</v>
      </c>
      <c r="G586" s="10">
        <v>41.527999999999999</v>
      </c>
    </row>
    <row r="587" spans="1:7" x14ac:dyDescent="0.25">
      <c r="A587" s="10">
        <v>227</v>
      </c>
      <c r="B587" s="10">
        <v>61.414999999999999</v>
      </c>
      <c r="C587" s="10">
        <v>58.473500000000001</v>
      </c>
      <c r="D587" s="10">
        <v>55.119500000000002</v>
      </c>
      <c r="E587" s="10">
        <v>52.392499999999998</v>
      </c>
      <c r="F587" s="10">
        <v>47.179749999999999</v>
      </c>
      <c r="G587" s="10">
        <v>41.479750000000003</v>
      </c>
    </row>
    <row r="588" spans="1:7" x14ac:dyDescent="0.25">
      <c r="A588" s="10">
        <v>227.5</v>
      </c>
      <c r="B588" s="10">
        <v>61.303750000000001</v>
      </c>
      <c r="C588" s="10">
        <v>58.368250000000003</v>
      </c>
      <c r="D588" s="10">
        <v>55.009</v>
      </c>
      <c r="E588" s="10">
        <v>52.311</v>
      </c>
      <c r="F588" s="10">
        <v>47.091250000000002</v>
      </c>
      <c r="G588" s="10">
        <v>41.438000000000002</v>
      </c>
    </row>
    <row r="589" spans="1:7" x14ac:dyDescent="0.25">
      <c r="A589" s="10">
        <v>228</v>
      </c>
      <c r="B589" s="10">
        <v>61.183500000000002</v>
      </c>
      <c r="C589" s="10">
        <v>58.271749999999997</v>
      </c>
      <c r="D589" s="10">
        <v>54.896999999999998</v>
      </c>
      <c r="E589" s="10">
        <v>52.226750000000003</v>
      </c>
      <c r="F589" s="10">
        <v>47.027000000000001</v>
      </c>
      <c r="G589" s="10">
        <v>41.353499999999997</v>
      </c>
    </row>
    <row r="590" spans="1:7" x14ac:dyDescent="0.25">
      <c r="A590" s="10">
        <v>228.5</v>
      </c>
      <c r="B590" s="10">
        <v>61.0715</v>
      </c>
      <c r="C590" s="10">
        <v>58.121499999999997</v>
      </c>
      <c r="D590" s="10">
        <v>54.821249999999999</v>
      </c>
      <c r="E590" s="10">
        <v>52.124250000000004</v>
      </c>
      <c r="F590" s="10">
        <v>46.942</v>
      </c>
      <c r="G590" s="10">
        <v>41.335999999999999</v>
      </c>
    </row>
    <row r="591" spans="1:7" x14ac:dyDescent="0.25">
      <c r="A591" s="10">
        <v>229</v>
      </c>
      <c r="B591" s="10">
        <v>60.9345</v>
      </c>
      <c r="C591" s="10">
        <v>58</v>
      </c>
      <c r="D591" s="10">
        <v>54.707999999999998</v>
      </c>
      <c r="E591" s="10">
        <v>52.014249999999997</v>
      </c>
      <c r="F591" s="10">
        <v>46.847250000000003</v>
      </c>
      <c r="G591" s="10">
        <v>41.292000000000002</v>
      </c>
    </row>
    <row r="592" spans="1:7" x14ac:dyDescent="0.25">
      <c r="A592" s="10">
        <v>229.5</v>
      </c>
      <c r="B592" s="10">
        <v>60.811999999999998</v>
      </c>
      <c r="C592" s="10">
        <v>57.889249999999997</v>
      </c>
      <c r="D592" s="10">
        <v>54.588000000000001</v>
      </c>
      <c r="E592" s="10">
        <v>51.939500000000002</v>
      </c>
      <c r="F592" s="10">
        <v>46.792250000000003</v>
      </c>
      <c r="G592" s="10">
        <v>41.226750000000003</v>
      </c>
    </row>
    <row r="593" spans="1:7" x14ac:dyDescent="0.25">
      <c r="A593" s="10">
        <v>230</v>
      </c>
      <c r="B593" s="10">
        <v>60.701999999999998</v>
      </c>
      <c r="C593" s="10">
        <v>57.822749999999999</v>
      </c>
      <c r="D593" s="10">
        <v>54.508749999999999</v>
      </c>
      <c r="E593" s="10">
        <v>51.856250000000003</v>
      </c>
      <c r="F593" s="10">
        <v>46.729500000000002</v>
      </c>
      <c r="G593" s="10">
        <v>41.212499999999999</v>
      </c>
    </row>
    <row r="594" spans="1:7" x14ac:dyDescent="0.25">
      <c r="A594" s="10">
        <v>230.5</v>
      </c>
      <c r="B594" s="10">
        <v>60.588749999999997</v>
      </c>
      <c r="C594" s="10">
        <v>57.673250000000003</v>
      </c>
      <c r="D594" s="10">
        <v>54.384</v>
      </c>
      <c r="E594" s="10">
        <v>51.771500000000003</v>
      </c>
      <c r="F594" s="10">
        <v>46.646000000000001</v>
      </c>
      <c r="G594" s="10">
        <v>41.158749999999998</v>
      </c>
    </row>
    <row r="595" spans="1:7" x14ac:dyDescent="0.25">
      <c r="A595" s="10">
        <v>231</v>
      </c>
      <c r="B595" s="10">
        <v>60.465000000000003</v>
      </c>
      <c r="C595" s="10">
        <v>57.582500000000003</v>
      </c>
      <c r="D595" s="10">
        <v>54.316249999999997</v>
      </c>
      <c r="E595" s="10">
        <v>51.672249999999998</v>
      </c>
      <c r="F595" s="10">
        <v>46.554250000000003</v>
      </c>
      <c r="G595" s="10">
        <v>41.102249999999998</v>
      </c>
    </row>
    <row r="596" spans="1:7" x14ac:dyDescent="0.25">
      <c r="A596" s="10">
        <v>231.5</v>
      </c>
      <c r="B596" s="10">
        <v>60.344499999999996</v>
      </c>
      <c r="C596" s="10">
        <v>57.464500000000001</v>
      </c>
      <c r="D596" s="10">
        <v>54.204999999999998</v>
      </c>
      <c r="E596" s="10">
        <v>51.577249999999999</v>
      </c>
      <c r="F596" s="10">
        <v>46.515749999999997</v>
      </c>
      <c r="G596" s="10">
        <v>41.061500000000002</v>
      </c>
    </row>
    <row r="597" spans="1:7" x14ac:dyDescent="0.25">
      <c r="A597" s="10">
        <v>232</v>
      </c>
      <c r="B597" s="10">
        <v>60.2425</v>
      </c>
      <c r="C597" s="10">
        <v>57.356749999999998</v>
      </c>
      <c r="D597" s="10">
        <v>54.091749999999998</v>
      </c>
      <c r="E597" s="10">
        <v>51.508749999999999</v>
      </c>
      <c r="F597" s="10">
        <v>46.440249999999999</v>
      </c>
      <c r="G597" s="10">
        <v>41.002249999999997</v>
      </c>
    </row>
    <row r="598" spans="1:7" x14ac:dyDescent="0.25">
      <c r="A598" s="10">
        <v>232.5</v>
      </c>
      <c r="B598" s="10">
        <v>60.09525</v>
      </c>
      <c r="C598" s="10">
        <v>57.249000000000002</v>
      </c>
      <c r="D598" s="10">
        <v>53.985500000000002</v>
      </c>
      <c r="E598" s="10">
        <v>51.411499999999997</v>
      </c>
      <c r="F598" s="10">
        <v>46.364750000000001</v>
      </c>
      <c r="G598" s="10">
        <v>40.978499999999997</v>
      </c>
    </row>
    <row r="599" spans="1:7" x14ac:dyDescent="0.25">
      <c r="A599" s="10">
        <v>233</v>
      </c>
      <c r="B599" s="10">
        <v>60.009</v>
      </c>
      <c r="C599" s="10">
        <v>57.122750000000003</v>
      </c>
      <c r="D599" s="10">
        <v>53.918999999999997</v>
      </c>
      <c r="E599" s="10">
        <v>51.34975</v>
      </c>
      <c r="F599" s="10">
        <v>46.291249999999998</v>
      </c>
      <c r="G599" s="10">
        <v>40.927999999999997</v>
      </c>
    </row>
    <row r="600" spans="1:7" x14ac:dyDescent="0.25">
      <c r="A600" s="10">
        <v>233.5</v>
      </c>
      <c r="B600" s="10">
        <v>59.906750000000002</v>
      </c>
      <c r="C600" s="10">
        <v>57.014249999999997</v>
      </c>
      <c r="D600" s="10">
        <v>53.792749999999998</v>
      </c>
      <c r="E600" s="10">
        <v>51.239750000000001</v>
      </c>
      <c r="F600" s="10">
        <v>46.213250000000002</v>
      </c>
      <c r="G600" s="10">
        <v>40.8675</v>
      </c>
    </row>
    <row r="601" spans="1:7" x14ac:dyDescent="0.25">
      <c r="A601" s="10">
        <v>234</v>
      </c>
      <c r="B601" s="10">
        <v>59.785499999999999</v>
      </c>
      <c r="C601" s="10">
        <v>56.922499999999999</v>
      </c>
      <c r="D601" s="10">
        <v>53.695</v>
      </c>
      <c r="E601" s="10">
        <v>51.128250000000001</v>
      </c>
      <c r="F601" s="10">
        <v>46.14575</v>
      </c>
      <c r="G601" s="10">
        <v>40.844749999999998</v>
      </c>
    </row>
    <row r="602" spans="1:7" x14ac:dyDescent="0.25">
      <c r="A602" s="10">
        <v>234.5</v>
      </c>
      <c r="B602" s="10">
        <v>59.681750000000001</v>
      </c>
      <c r="C602" s="10">
        <v>56.844999999999999</v>
      </c>
      <c r="D602" s="10">
        <v>53.618250000000003</v>
      </c>
      <c r="E602" s="10">
        <v>51.0565</v>
      </c>
      <c r="F602" s="10">
        <v>46.0625</v>
      </c>
      <c r="G602" s="10">
        <v>40.797499999999999</v>
      </c>
    </row>
    <row r="603" spans="1:7" x14ac:dyDescent="0.25">
      <c r="A603" s="10">
        <v>235</v>
      </c>
      <c r="B603" s="10">
        <v>59.542749999999998</v>
      </c>
      <c r="C603" s="10">
        <v>56.729500000000002</v>
      </c>
      <c r="D603" s="10">
        <v>53.497999999999998</v>
      </c>
      <c r="E603" s="10">
        <v>50.954500000000003</v>
      </c>
      <c r="F603" s="10">
        <v>45.9925</v>
      </c>
      <c r="G603" s="10">
        <v>40.7485</v>
      </c>
    </row>
    <row r="604" spans="1:7" x14ac:dyDescent="0.25">
      <c r="A604" s="10">
        <v>235.5</v>
      </c>
      <c r="B604" s="10">
        <v>59.457000000000001</v>
      </c>
      <c r="C604" s="10">
        <v>56.642749999999999</v>
      </c>
      <c r="D604" s="10">
        <v>53.424500000000002</v>
      </c>
      <c r="E604" s="10">
        <v>50.893250000000002</v>
      </c>
      <c r="F604" s="10">
        <v>45.90175</v>
      </c>
      <c r="G604" s="10">
        <v>40.691249999999997</v>
      </c>
    </row>
    <row r="605" spans="1:7" x14ac:dyDescent="0.25">
      <c r="A605" s="10">
        <v>236</v>
      </c>
      <c r="B605" s="10">
        <v>59.353000000000002</v>
      </c>
      <c r="C605" s="10">
        <v>56.529249999999998</v>
      </c>
      <c r="D605" s="10">
        <v>53.331249999999997</v>
      </c>
      <c r="E605" s="10">
        <v>50.808999999999997</v>
      </c>
      <c r="F605" s="10">
        <v>45.851750000000003</v>
      </c>
      <c r="G605" s="10">
        <v>40.6755</v>
      </c>
    </row>
    <row r="606" spans="1:7" x14ac:dyDescent="0.25">
      <c r="A606" s="10">
        <v>236.5</v>
      </c>
      <c r="B606" s="10">
        <v>59.222250000000003</v>
      </c>
      <c r="C606" s="10">
        <v>56.396250000000002</v>
      </c>
      <c r="D606" s="10">
        <v>53.203249999999997</v>
      </c>
      <c r="E606" s="10">
        <v>50.721499999999999</v>
      </c>
      <c r="F606" s="10">
        <v>45.794249999999998</v>
      </c>
      <c r="G606" s="10">
        <v>40.605249999999998</v>
      </c>
    </row>
    <row r="607" spans="1:7" x14ac:dyDescent="0.25">
      <c r="A607" s="10">
        <v>237</v>
      </c>
      <c r="B607" s="10">
        <v>59.116750000000003</v>
      </c>
      <c r="C607" s="10">
        <v>56.301000000000002</v>
      </c>
      <c r="D607" s="10">
        <v>53.118000000000002</v>
      </c>
      <c r="E607" s="10">
        <v>50.644750000000002</v>
      </c>
      <c r="F607" s="10">
        <v>45.734250000000003</v>
      </c>
      <c r="G607" s="10">
        <v>40.588749999999997</v>
      </c>
    </row>
    <row r="608" spans="1:7" x14ac:dyDescent="0.25">
      <c r="A608" s="10">
        <v>237.5</v>
      </c>
      <c r="B608" s="10">
        <v>59.003500000000003</v>
      </c>
      <c r="C608" s="10">
        <v>56.20975</v>
      </c>
      <c r="D608" s="10">
        <v>53.009250000000002</v>
      </c>
      <c r="E608" s="10">
        <v>50.538499999999999</v>
      </c>
      <c r="F608" s="10">
        <v>45.637500000000003</v>
      </c>
      <c r="G608" s="10">
        <v>40.512500000000003</v>
      </c>
    </row>
    <row r="609" spans="1:7" x14ac:dyDescent="0.25">
      <c r="A609" s="10">
        <v>238</v>
      </c>
      <c r="B609" s="10">
        <v>58.905500000000004</v>
      </c>
      <c r="C609" s="10">
        <v>56.085250000000002</v>
      </c>
      <c r="D609" s="10">
        <v>52.944000000000003</v>
      </c>
      <c r="E609" s="10">
        <v>50.46575</v>
      </c>
      <c r="F609" s="10">
        <v>45.576250000000002</v>
      </c>
      <c r="G609" s="10">
        <v>40.471499999999999</v>
      </c>
    </row>
    <row r="610" spans="1:7" x14ac:dyDescent="0.25">
      <c r="A610" s="10">
        <v>238.5</v>
      </c>
      <c r="B610" s="10">
        <v>58.807250000000003</v>
      </c>
      <c r="C610" s="10">
        <v>55.9985</v>
      </c>
      <c r="D610" s="10">
        <v>52.832500000000003</v>
      </c>
      <c r="E610" s="10">
        <v>50.396250000000002</v>
      </c>
      <c r="F610" s="10">
        <v>45.517749999999999</v>
      </c>
      <c r="G610" s="10">
        <v>40.442500000000003</v>
      </c>
    </row>
    <row r="611" spans="1:7" x14ac:dyDescent="0.25">
      <c r="A611" s="10">
        <v>239</v>
      </c>
      <c r="B611" s="10">
        <v>58.696750000000002</v>
      </c>
      <c r="C611" s="10">
        <v>55.893749999999997</v>
      </c>
      <c r="D611" s="10">
        <v>52.738</v>
      </c>
      <c r="E611" s="10">
        <v>50.280749999999998</v>
      </c>
      <c r="F611" s="10">
        <v>45.433999999999997</v>
      </c>
      <c r="G611" s="10">
        <v>40.41075</v>
      </c>
    </row>
    <row r="612" spans="1:7" x14ac:dyDescent="0.25">
      <c r="A612" s="10">
        <v>239.5</v>
      </c>
      <c r="B612" s="10">
        <v>58.584499999999998</v>
      </c>
      <c r="C612" s="10">
        <v>55.797750000000001</v>
      </c>
      <c r="D612" s="10">
        <v>52.645499999999998</v>
      </c>
      <c r="E612" s="10">
        <v>50.220750000000002</v>
      </c>
      <c r="F612" s="10">
        <v>45.370750000000001</v>
      </c>
      <c r="G612" s="10">
        <v>40.344000000000001</v>
      </c>
    </row>
    <row r="613" spans="1:7" x14ac:dyDescent="0.25">
      <c r="A613" s="10">
        <v>240</v>
      </c>
      <c r="B613" s="10">
        <v>58.46275</v>
      </c>
      <c r="C613" s="10">
        <v>55.684249999999999</v>
      </c>
      <c r="D613" s="10">
        <v>52.530500000000004</v>
      </c>
      <c r="E613" s="10">
        <v>50.140500000000003</v>
      </c>
      <c r="F613" s="10">
        <v>45.308999999999997</v>
      </c>
      <c r="G613" s="10">
        <v>40.32</v>
      </c>
    </row>
    <row r="614" spans="1:7" x14ac:dyDescent="0.25">
      <c r="A614" s="10">
        <v>240.5</v>
      </c>
      <c r="B614" s="10">
        <v>58.363999999999997</v>
      </c>
      <c r="C614" s="10">
        <v>55.561999999999998</v>
      </c>
      <c r="D614" s="10">
        <v>52.470999999999997</v>
      </c>
      <c r="E614" s="10">
        <v>50.067</v>
      </c>
      <c r="F614" s="10">
        <v>45.225749999999998</v>
      </c>
      <c r="G614" s="10">
        <v>40.271999999999998</v>
      </c>
    </row>
    <row r="615" spans="1:7" x14ac:dyDescent="0.25">
      <c r="A615" s="10">
        <v>241</v>
      </c>
      <c r="B615" s="10">
        <v>58.251249999999999</v>
      </c>
      <c r="C615" s="10">
        <v>55.484999999999999</v>
      </c>
      <c r="D615" s="10">
        <v>52.371000000000002</v>
      </c>
      <c r="E615" s="10">
        <v>49.965000000000003</v>
      </c>
      <c r="F615" s="10">
        <v>45.167999999999999</v>
      </c>
      <c r="G615" s="10">
        <v>40.244999999999997</v>
      </c>
    </row>
    <row r="616" spans="1:7" x14ac:dyDescent="0.25">
      <c r="A616" s="10">
        <v>241.5</v>
      </c>
      <c r="B616" s="10">
        <v>58.166499999999999</v>
      </c>
      <c r="C616" s="10">
        <v>55.402000000000001</v>
      </c>
      <c r="D616" s="10">
        <v>52.280999999999999</v>
      </c>
      <c r="E616" s="10">
        <v>49.902250000000002</v>
      </c>
      <c r="F616" s="10">
        <v>45.085999999999999</v>
      </c>
      <c r="G616" s="10">
        <v>40.183</v>
      </c>
    </row>
    <row r="617" spans="1:7" x14ac:dyDescent="0.25">
      <c r="A617" s="10">
        <v>242</v>
      </c>
      <c r="B617" s="10">
        <v>58.054499999999997</v>
      </c>
      <c r="C617" s="10">
        <v>55.292999999999999</v>
      </c>
      <c r="D617" s="10">
        <v>52.203249999999997</v>
      </c>
      <c r="E617" s="10">
        <v>49.823500000000003</v>
      </c>
      <c r="F617" s="10">
        <v>45.017749999999999</v>
      </c>
      <c r="G617" s="10">
        <v>40.14</v>
      </c>
    </row>
    <row r="618" spans="1:7" x14ac:dyDescent="0.25">
      <c r="A618" s="10">
        <v>242.5</v>
      </c>
      <c r="B618" s="10">
        <v>57.942999999999998</v>
      </c>
      <c r="C618" s="10">
        <v>55.188000000000002</v>
      </c>
      <c r="D618" s="10">
        <v>52.110999999999997</v>
      </c>
      <c r="E618" s="10">
        <v>49.752499999999998</v>
      </c>
      <c r="F618" s="10">
        <v>44.978749999999998</v>
      </c>
      <c r="G618" s="10">
        <v>40.09225</v>
      </c>
    </row>
    <row r="619" spans="1:7" x14ac:dyDescent="0.25">
      <c r="A619" s="10">
        <v>243</v>
      </c>
      <c r="B619" s="10">
        <v>57.84</v>
      </c>
      <c r="C619" s="10">
        <v>55.084249999999997</v>
      </c>
      <c r="D619" s="10">
        <v>51.993000000000002</v>
      </c>
      <c r="E619" s="10">
        <v>49.669750000000001</v>
      </c>
      <c r="F619" s="10">
        <v>44.881500000000003</v>
      </c>
      <c r="G619" s="10">
        <v>40.073500000000003</v>
      </c>
    </row>
    <row r="620" spans="1:7" x14ac:dyDescent="0.25">
      <c r="A620" s="10">
        <v>243.5</v>
      </c>
      <c r="B620" s="10">
        <v>57.732999999999997</v>
      </c>
      <c r="C620" s="10">
        <v>54.999250000000004</v>
      </c>
      <c r="D620" s="10">
        <v>51.922249999999998</v>
      </c>
      <c r="E620" s="10">
        <v>49.585250000000002</v>
      </c>
      <c r="F620" s="10">
        <v>44.834249999999997</v>
      </c>
      <c r="G620" s="10">
        <v>40.014000000000003</v>
      </c>
    </row>
    <row r="621" spans="1:7" x14ac:dyDescent="0.25">
      <c r="A621" s="10">
        <v>244</v>
      </c>
      <c r="B621" s="10">
        <v>57.641500000000001</v>
      </c>
      <c r="C621" s="10">
        <v>54.917000000000002</v>
      </c>
      <c r="D621" s="10">
        <v>51.827750000000002</v>
      </c>
      <c r="E621" s="10">
        <v>49.52825</v>
      </c>
      <c r="F621" s="10">
        <v>44.75</v>
      </c>
      <c r="G621" s="10">
        <v>39.997</v>
      </c>
    </row>
    <row r="622" spans="1:7" x14ac:dyDescent="0.25">
      <c r="A622" s="10">
        <v>244.5</v>
      </c>
      <c r="B622" s="10">
        <v>57.555</v>
      </c>
      <c r="C622" s="10">
        <v>54.836750000000002</v>
      </c>
      <c r="D622" s="10">
        <v>51.758499999999998</v>
      </c>
      <c r="E622" s="10">
        <v>49.420749999999998</v>
      </c>
      <c r="F622" s="10">
        <v>44.709000000000003</v>
      </c>
      <c r="G622" s="10">
        <v>39.955249999999999</v>
      </c>
    </row>
    <row r="623" spans="1:7" x14ac:dyDescent="0.25">
      <c r="A623" s="10">
        <v>245</v>
      </c>
      <c r="B623" s="10">
        <v>57.442749999999997</v>
      </c>
      <c r="C623" s="10">
        <v>54.70675</v>
      </c>
      <c r="D623" s="10">
        <v>51.666249999999998</v>
      </c>
      <c r="E623" s="10">
        <v>49.354500000000002</v>
      </c>
      <c r="F623" s="10">
        <v>44.623249999999999</v>
      </c>
      <c r="G623" s="10">
        <v>39.889749999999999</v>
      </c>
    </row>
    <row r="624" spans="1:7" x14ac:dyDescent="0.25">
      <c r="A624" s="10">
        <v>245.5</v>
      </c>
      <c r="B624" s="10">
        <v>57.329250000000002</v>
      </c>
      <c r="C624" s="10">
        <v>54.613250000000001</v>
      </c>
      <c r="D624" s="10">
        <v>51.54325</v>
      </c>
      <c r="E624" s="10">
        <v>49.254249999999999</v>
      </c>
      <c r="F624" s="10">
        <v>44.561</v>
      </c>
      <c r="G624" s="10">
        <v>39.832999999999998</v>
      </c>
    </row>
    <row r="625" spans="1:7" x14ac:dyDescent="0.25">
      <c r="A625" s="10">
        <v>246</v>
      </c>
      <c r="B625" s="10">
        <v>57.246499999999997</v>
      </c>
      <c r="C625" s="10">
        <v>54.496749999999999</v>
      </c>
      <c r="D625" s="10">
        <v>51.472999999999999</v>
      </c>
      <c r="E625" s="10">
        <v>49.200499999999998</v>
      </c>
      <c r="F625" s="10">
        <v>44.501249999999999</v>
      </c>
      <c r="G625" s="10">
        <v>39.823</v>
      </c>
    </row>
    <row r="626" spans="1:7" x14ac:dyDescent="0.25">
      <c r="A626" s="10">
        <v>246.5</v>
      </c>
      <c r="B626" s="10">
        <v>57.133249999999997</v>
      </c>
      <c r="C626" s="10">
        <v>54.439749999999997</v>
      </c>
      <c r="D626" s="10">
        <v>51.372999999999998</v>
      </c>
      <c r="E626" s="10">
        <v>49.1145</v>
      </c>
      <c r="F626" s="10">
        <v>44.423499999999997</v>
      </c>
      <c r="G626" s="10">
        <v>39.767499999999998</v>
      </c>
    </row>
    <row r="627" spans="1:7" x14ac:dyDescent="0.25">
      <c r="A627" s="10">
        <v>247</v>
      </c>
      <c r="B627" s="10">
        <v>57.053750000000001</v>
      </c>
      <c r="C627" s="10">
        <v>54.34</v>
      </c>
      <c r="D627" s="10">
        <v>51.304499999999997</v>
      </c>
      <c r="E627" s="10">
        <v>49.04</v>
      </c>
      <c r="F627" s="10">
        <v>44.357999999999997</v>
      </c>
      <c r="G627" s="10">
        <v>39.697000000000003</v>
      </c>
    </row>
    <row r="628" spans="1:7" x14ac:dyDescent="0.25">
      <c r="A628" s="10">
        <v>247.5</v>
      </c>
      <c r="B628" s="10">
        <v>56.949249999999999</v>
      </c>
      <c r="C628" s="10">
        <v>54.216749999999998</v>
      </c>
      <c r="D628" s="10">
        <v>51.215499999999999</v>
      </c>
      <c r="E628" s="10">
        <v>48.966500000000003</v>
      </c>
      <c r="F628" s="10">
        <v>44.302250000000001</v>
      </c>
      <c r="G628" s="10">
        <v>39.670999999999999</v>
      </c>
    </row>
    <row r="629" spans="1:7" x14ac:dyDescent="0.25">
      <c r="A629" s="10">
        <v>248</v>
      </c>
      <c r="B629" s="10">
        <v>56.822249999999997</v>
      </c>
      <c r="C629" s="10">
        <v>54.130499999999998</v>
      </c>
      <c r="D629" s="10">
        <v>51.128</v>
      </c>
      <c r="E629" s="10">
        <v>48.896250000000002</v>
      </c>
      <c r="F629" s="10">
        <v>44.259</v>
      </c>
      <c r="G629" s="10">
        <v>39.66825</v>
      </c>
    </row>
    <row r="630" spans="1:7" x14ac:dyDescent="0.25">
      <c r="A630" s="10">
        <v>248.5</v>
      </c>
      <c r="B630" s="10">
        <v>56.723750000000003</v>
      </c>
      <c r="C630" s="10">
        <v>54.048250000000003</v>
      </c>
      <c r="D630" s="10">
        <v>51.046750000000003</v>
      </c>
      <c r="E630" s="10">
        <v>48.84075</v>
      </c>
      <c r="F630" s="10">
        <v>44.179000000000002</v>
      </c>
      <c r="G630" s="10">
        <v>39.58475</v>
      </c>
    </row>
    <row r="631" spans="1:7" x14ac:dyDescent="0.25">
      <c r="A631" s="10">
        <v>249</v>
      </c>
      <c r="B631" s="10">
        <v>56.646749999999997</v>
      </c>
      <c r="C631" s="10">
        <v>53.939250000000001</v>
      </c>
      <c r="D631" s="10">
        <v>50.937750000000001</v>
      </c>
      <c r="E631" s="10">
        <v>48.7575</v>
      </c>
      <c r="F631" s="10">
        <v>44.133749999999999</v>
      </c>
      <c r="G631" s="10">
        <v>39.5685</v>
      </c>
    </row>
    <row r="632" spans="1:7" x14ac:dyDescent="0.25">
      <c r="A632" s="10">
        <v>249.5</v>
      </c>
      <c r="B632" s="10">
        <v>56.548000000000002</v>
      </c>
      <c r="C632" s="10">
        <v>53.841250000000002</v>
      </c>
      <c r="D632" s="10">
        <v>50.857750000000003</v>
      </c>
      <c r="E632" s="10">
        <v>48.684750000000001</v>
      </c>
      <c r="F632" s="10">
        <v>44.064500000000002</v>
      </c>
      <c r="G632" s="10">
        <v>39.521250000000002</v>
      </c>
    </row>
    <row r="633" spans="1:7" x14ac:dyDescent="0.25">
      <c r="A633" s="10">
        <v>250</v>
      </c>
      <c r="B633" s="10">
        <v>56.459499999999998</v>
      </c>
      <c r="C633" s="10">
        <v>53.790999999999997</v>
      </c>
      <c r="D633" s="10">
        <v>50.773000000000003</v>
      </c>
      <c r="E633" s="10">
        <v>48.598750000000003</v>
      </c>
      <c r="F633" s="10">
        <v>44.004750000000001</v>
      </c>
      <c r="G633" s="10">
        <v>39.46875</v>
      </c>
    </row>
    <row r="634" spans="1:7" x14ac:dyDescent="0.25">
      <c r="A634" s="10">
        <v>250.5</v>
      </c>
      <c r="B634" s="10">
        <v>56.33925</v>
      </c>
      <c r="C634" s="10">
        <v>53.65325</v>
      </c>
      <c r="D634" s="10">
        <v>50.665750000000003</v>
      </c>
      <c r="E634" s="10">
        <v>48.518749999999997</v>
      </c>
      <c r="F634" s="10">
        <v>43.939749999999997</v>
      </c>
      <c r="G634" s="10">
        <v>39.426250000000003</v>
      </c>
    </row>
    <row r="635" spans="1:7" x14ac:dyDescent="0.25">
      <c r="A635" s="10">
        <v>251</v>
      </c>
      <c r="B635" s="10">
        <v>56.253500000000003</v>
      </c>
      <c r="C635" s="10">
        <v>53.58325</v>
      </c>
      <c r="D635" s="10">
        <v>50.603499999999997</v>
      </c>
      <c r="E635" s="10">
        <v>48.469749999999998</v>
      </c>
      <c r="F635" s="10">
        <v>43.873750000000001</v>
      </c>
      <c r="G635" s="10">
        <v>39.402000000000001</v>
      </c>
    </row>
    <row r="636" spans="1:7" x14ac:dyDescent="0.25">
      <c r="A636" s="10">
        <v>251.5</v>
      </c>
      <c r="B636" s="10">
        <v>56.161499999999997</v>
      </c>
      <c r="C636" s="10">
        <v>53.504249999999999</v>
      </c>
      <c r="D636" s="10">
        <v>50.529499999999999</v>
      </c>
      <c r="E636" s="10">
        <v>48.391249999999999</v>
      </c>
      <c r="F636" s="10">
        <v>43.827500000000001</v>
      </c>
      <c r="G636" s="10">
        <v>39.366</v>
      </c>
    </row>
    <row r="637" spans="1:7" x14ac:dyDescent="0.25">
      <c r="A637" s="10">
        <v>252</v>
      </c>
      <c r="B637" s="10">
        <v>56.03425</v>
      </c>
      <c r="C637" s="10">
        <v>53.411000000000001</v>
      </c>
      <c r="D637" s="10">
        <v>50.454250000000002</v>
      </c>
      <c r="E637" s="10">
        <v>48.317250000000001</v>
      </c>
      <c r="F637" s="10">
        <v>43.744</v>
      </c>
      <c r="G637" s="10">
        <v>39.326000000000001</v>
      </c>
    </row>
    <row r="638" spans="1:7" x14ac:dyDescent="0.25">
      <c r="A638" s="10">
        <v>252.5</v>
      </c>
      <c r="B638" s="10">
        <v>55.965000000000003</v>
      </c>
      <c r="C638" s="10">
        <v>53.296999999999997</v>
      </c>
      <c r="D638" s="10">
        <v>50.387</v>
      </c>
      <c r="E638" s="10">
        <v>48.210500000000003</v>
      </c>
      <c r="F638" s="10">
        <v>43.680999999999997</v>
      </c>
      <c r="G638" s="10">
        <v>39.287500000000001</v>
      </c>
    </row>
    <row r="639" spans="1:7" x14ac:dyDescent="0.25">
      <c r="A639" s="10">
        <v>253</v>
      </c>
      <c r="B639" s="10">
        <v>55.878999999999998</v>
      </c>
      <c r="C639" s="10">
        <v>53.225499999999997</v>
      </c>
      <c r="D639" s="10">
        <v>50.283999999999999</v>
      </c>
      <c r="E639" s="10">
        <v>48.137749999999997</v>
      </c>
      <c r="F639" s="10">
        <v>43.594250000000002</v>
      </c>
      <c r="G639" s="10">
        <v>39.223999999999997</v>
      </c>
    </row>
    <row r="640" spans="1:7" x14ac:dyDescent="0.25">
      <c r="A640" s="10">
        <v>253.5</v>
      </c>
      <c r="B640" s="10">
        <v>55.770499999999998</v>
      </c>
      <c r="C640" s="10">
        <v>53.14575</v>
      </c>
      <c r="D640" s="10">
        <v>50.205750000000002</v>
      </c>
      <c r="E640" s="10">
        <v>48.088749999999997</v>
      </c>
      <c r="F640" s="10">
        <v>43.563249999999996</v>
      </c>
      <c r="G640" s="10">
        <v>39.1935</v>
      </c>
    </row>
    <row r="641" spans="1:7" x14ac:dyDescent="0.25">
      <c r="A641" s="10">
        <v>254</v>
      </c>
      <c r="B641" s="10">
        <v>55.671250000000001</v>
      </c>
      <c r="C641" s="10">
        <v>53.030999999999999</v>
      </c>
      <c r="D641" s="10">
        <v>50.116999999999997</v>
      </c>
      <c r="E641" s="10">
        <v>48.02375</v>
      </c>
      <c r="F641" s="10">
        <v>43.509749999999997</v>
      </c>
      <c r="G641" s="10">
        <v>39.152250000000002</v>
      </c>
    </row>
    <row r="642" spans="1:7" x14ac:dyDescent="0.25">
      <c r="A642" s="10">
        <v>254.5</v>
      </c>
      <c r="B642" s="10">
        <v>55.589750000000002</v>
      </c>
      <c r="C642" s="10">
        <v>52.959499999999998</v>
      </c>
      <c r="D642" s="10">
        <v>50.054000000000002</v>
      </c>
      <c r="E642" s="10">
        <v>47.955249999999999</v>
      </c>
      <c r="F642" s="10">
        <v>43.457749999999997</v>
      </c>
      <c r="G642" s="10">
        <v>39.113750000000003</v>
      </c>
    </row>
    <row r="643" spans="1:7" x14ac:dyDescent="0.25">
      <c r="A643" s="10">
        <v>255</v>
      </c>
      <c r="B643" s="10">
        <v>55.494500000000002</v>
      </c>
      <c r="C643" s="10">
        <v>52.857750000000003</v>
      </c>
      <c r="D643" s="10">
        <v>49.970999999999997</v>
      </c>
      <c r="E643" s="10">
        <v>47.85</v>
      </c>
      <c r="F643" s="10">
        <v>43.381749999999997</v>
      </c>
      <c r="G643" s="10">
        <v>39.069249999999997</v>
      </c>
    </row>
    <row r="644" spans="1:7" x14ac:dyDescent="0.25">
      <c r="A644" s="10">
        <v>255.5</v>
      </c>
      <c r="B644" s="10">
        <v>55.402749999999997</v>
      </c>
      <c r="C644" s="10">
        <v>52.771000000000001</v>
      </c>
      <c r="D644" s="10">
        <v>49.874749999999999</v>
      </c>
      <c r="E644" s="10">
        <v>47.798999999999999</v>
      </c>
      <c r="F644" s="10">
        <v>43.33175</v>
      </c>
      <c r="G644" s="10">
        <v>39.040500000000002</v>
      </c>
    </row>
    <row r="645" spans="1:7" x14ac:dyDescent="0.25">
      <c r="A645" s="10">
        <v>256</v>
      </c>
      <c r="B645" s="10">
        <v>55.288499999999999</v>
      </c>
      <c r="C645" s="10">
        <v>52.676749999999998</v>
      </c>
      <c r="D645" s="10">
        <v>49.807499999999997</v>
      </c>
      <c r="E645" s="10">
        <v>47.735500000000002</v>
      </c>
      <c r="F645" s="10">
        <v>43.27975</v>
      </c>
      <c r="G645" s="10">
        <v>39.014000000000003</v>
      </c>
    </row>
    <row r="646" spans="1:7" x14ac:dyDescent="0.25">
      <c r="A646" s="10">
        <v>256.5</v>
      </c>
      <c r="B646" s="10">
        <v>55.219499999999996</v>
      </c>
      <c r="C646" s="10">
        <v>52.600250000000003</v>
      </c>
      <c r="D646" s="10">
        <v>49.7395</v>
      </c>
      <c r="E646" s="10">
        <v>47.641750000000002</v>
      </c>
      <c r="F646" s="10">
        <v>43.216000000000001</v>
      </c>
      <c r="G646" s="10">
        <v>38.936500000000002</v>
      </c>
    </row>
    <row r="647" spans="1:7" x14ac:dyDescent="0.25">
      <c r="A647" s="10">
        <v>257</v>
      </c>
      <c r="B647" s="10">
        <v>55.125999999999998</v>
      </c>
      <c r="C647" s="10">
        <v>52.515500000000003</v>
      </c>
      <c r="D647" s="10">
        <v>49.632750000000001</v>
      </c>
      <c r="E647" s="10">
        <v>47.618000000000002</v>
      </c>
      <c r="F647" s="10">
        <v>43.125749999999996</v>
      </c>
      <c r="G647" s="10">
        <v>38.914999999999999</v>
      </c>
    </row>
    <row r="648" spans="1:7" x14ac:dyDescent="0.25">
      <c r="A648" s="10">
        <v>257.5</v>
      </c>
      <c r="B648" s="10">
        <v>55.018000000000001</v>
      </c>
      <c r="C648" s="10">
        <v>52.447499999999998</v>
      </c>
      <c r="D648" s="10">
        <v>49.578749999999999</v>
      </c>
      <c r="E648" s="10">
        <v>47.510249999999999</v>
      </c>
      <c r="F648" s="10">
        <v>43.093000000000004</v>
      </c>
      <c r="G648" s="10">
        <v>38.889749999999999</v>
      </c>
    </row>
    <row r="649" spans="1:7" x14ac:dyDescent="0.25">
      <c r="A649" s="10">
        <v>258</v>
      </c>
      <c r="B649" s="10">
        <v>54.929749999999999</v>
      </c>
      <c r="C649" s="10">
        <v>52.345750000000002</v>
      </c>
      <c r="D649" s="10">
        <v>49.521250000000002</v>
      </c>
      <c r="E649" s="10">
        <v>47.459000000000003</v>
      </c>
      <c r="F649" s="10">
        <v>43.02225</v>
      </c>
      <c r="G649" s="10">
        <v>38.850250000000003</v>
      </c>
    </row>
    <row r="650" spans="1:7" x14ac:dyDescent="0.25">
      <c r="A650" s="10">
        <v>258.5</v>
      </c>
      <c r="B650" s="10">
        <v>54.846499999999999</v>
      </c>
      <c r="C650" s="10">
        <v>52.271250000000002</v>
      </c>
      <c r="D650" s="10">
        <v>49.421750000000003</v>
      </c>
      <c r="E650" s="10">
        <v>47.399749999999997</v>
      </c>
      <c r="F650" s="10">
        <v>42.972749999999998</v>
      </c>
      <c r="G650" s="10">
        <v>38.816249999999997</v>
      </c>
    </row>
    <row r="651" spans="1:7" x14ac:dyDescent="0.25">
      <c r="A651" s="10">
        <v>259</v>
      </c>
      <c r="B651" s="10">
        <v>54.738750000000003</v>
      </c>
      <c r="C651" s="10">
        <v>52.185749999999999</v>
      </c>
      <c r="D651" s="10">
        <v>49.335250000000002</v>
      </c>
      <c r="E651" s="10">
        <v>47.305</v>
      </c>
      <c r="F651" s="10">
        <v>42.921999999999997</v>
      </c>
      <c r="G651" s="10">
        <v>38.768999999999998</v>
      </c>
    </row>
    <row r="652" spans="1:7" x14ac:dyDescent="0.25">
      <c r="A652" s="10">
        <v>259.5</v>
      </c>
      <c r="B652" s="10">
        <v>54.656500000000001</v>
      </c>
      <c r="C652" s="10">
        <v>52.102249999999998</v>
      </c>
      <c r="D652" s="10">
        <v>49.267000000000003</v>
      </c>
      <c r="E652" s="10">
        <v>47.235500000000002</v>
      </c>
      <c r="F652" s="10">
        <v>42.860250000000001</v>
      </c>
      <c r="G652" s="10">
        <v>38.726750000000003</v>
      </c>
    </row>
    <row r="653" spans="1:7" x14ac:dyDescent="0.25">
      <c r="A653" s="10">
        <v>260</v>
      </c>
      <c r="B653" s="10">
        <v>54.573250000000002</v>
      </c>
      <c r="C653" s="10">
        <v>52.013750000000002</v>
      </c>
      <c r="D653" s="10">
        <v>49.19</v>
      </c>
      <c r="E653" s="10">
        <v>47.16675</v>
      </c>
      <c r="F653" s="10">
        <v>42.789250000000003</v>
      </c>
      <c r="G653" s="10">
        <v>38.694249999999997</v>
      </c>
    </row>
    <row r="654" spans="1:7" x14ac:dyDescent="0.25">
      <c r="A654" s="10">
        <v>260.5</v>
      </c>
      <c r="B654" s="10">
        <v>54.495750000000001</v>
      </c>
      <c r="C654" s="10">
        <v>51.920250000000003</v>
      </c>
      <c r="D654" s="10">
        <v>49.089500000000001</v>
      </c>
      <c r="E654" s="10">
        <v>47.101999999999997</v>
      </c>
      <c r="F654" s="10">
        <v>42.748249999999999</v>
      </c>
      <c r="G654" s="10">
        <v>38.649500000000003</v>
      </c>
    </row>
    <row r="655" spans="1:7" x14ac:dyDescent="0.25">
      <c r="A655" s="10">
        <v>261</v>
      </c>
      <c r="B655" s="10">
        <v>54.41225</v>
      </c>
      <c r="C655" s="10">
        <v>51.820749999999997</v>
      </c>
      <c r="D655" s="10">
        <v>49.02</v>
      </c>
      <c r="E655" s="10">
        <v>47.02825</v>
      </c>
      <c r="F655" s="10">
        <v>42.65925</v>
      </c>
      <c r="G655" s="10">
        <v>38.603000000000002</v>
      </c>
    </row>
    <row r="656" spans="1:7" x14ac:dyDescent="0.25">
      <c r="A656" s="10">
        <v>261.5</v>
      </c>
      <c r="B656" s="10">
        <v>54.313749999999999</v>
      </c>
      <c r="C656" s="10">
        <v>51.768000000000001</v>
      </c>
      <c r="D656" s="10">
        <v>48.945</v>
      </c>
      <c r="E656" s="10">
        <v>46.963999999999999</v>
      </c>
      <c r="F656" s="10">
        <v>42.614249999999998</v>
      </c>
      <c r="G656" s="10">
        <v>38.579000000000001</v>
      </c>
    </row>
    <row r="657" spans="1:7" x14ac:dyDescent="0.25">
      <c r="A657" s="10">
        <v>262</v>
      </c>
      <c r="B657" s="10">
        <v>54.222499999999997</v>
      </c>
      <c r="C657" s="10">
        <v>51.686250000000001</v>
      </c>
      <c r="D657" s="10">
        <v>48.887250000000002</v>
      </c>
      <c r="E657" s="10">
        <v>46.914999999999999</v>
      </c>
      <c r="F657" s="10">
        <v>42.554499999999997</v>
      </c>
      <c r="G657" s="10">
        <v>38.545749999999998</v>
      </c>
    </row>
    <row r="658" spans="1:7" x14ac:dyDescent="0.25">
      <c r="A658" s="10">
        <v>262.5</v>
      </c>
      <c r="B658" s="10">
        <v>54.125500000000002</v>
      </c>
      <c r="C658" s="10">
        <v>51.572000000000003</v>
      </c>
      <c r="D658" s="10">
        <v>48.78725</v>
      </c>
      <c r="E658" s="10">
        <v>46.829000000000001</v>
      </c>
      <c r="F658" s="10">
        <v>42.522500000000001</v>
      </c>
      <c r="G658" s="10">
        <v>38.509</v>
      </c>
    </row>
    <row r="659" spans="1:7" x14ac:dyDescent="0.25">
      <c r="A659" s="10">
        <v>263</v>
      </c>
      <c r="B659" s="10">
        <v>54.055750000000003</v>
      </c>
      <c r="C659" s="10">
        <v>51.519500000000001</v>
      </c>
      <c r="D659" s="10">
        <v>48.735750000000003</v>
      </c>
      <c r="E659" s="10">
        <v>46.760249999999999</v>
      </c>
      <c r="F659" s="10">
        <v>42.470999999999997</v>
      </c>
      <c r="G659" s="10">
        <v>38.466749999999998</v>
      </c>
    </row>
    <row r="660" spans="1:7" x14ac:dyDescent="0.25">
      <c r="A660" s="10">
        <v>263.5</v>
      </c>
      <c r="B660" s="10">
        <v>53.960500000000003</v>
      </c>
      <c r="C660" s="10">
        <v>51.445250000000001</v>
      </c>
      <c r="D660" s="10">
        <v>48.654249999999998</v>
      </c>
      <c r="E660" s="10">
        <v>46.694499999999998</v>
      </c>
      <c r="F660" s="10">
        <v>42.39875</v>
      </c>
      <c r="G660" s="10">
        <v>38.431750000000001</v>
      </c>
    </row>
    <row r="661" spans="1:7" x14ac:dyDescent="0.25">
      <c r="A661" s="10">
        <v>264</v>
      </c>
      <c r="B661" s="10">
        <v>53.881999999999998</v>
      </c>
      <c r="C661" s="10">
        <v>51.338000000000001</v>
      </c>
      <c r="D661" s="10">
        <v>48.572000000000003</v>
      </c>
      <c r="E661" s="10">
        <v>46.66225</v>
      </c>
      <c r="F661" s="10">
        <v>42.35425</v>
      </c>
      <c r="G661" s="10">
        <v>38.380000000000003</v>
      </c>
    </row>
    <row r="662" spans="1:7" x14ac:dyDescent="0.25">
      <c r="A662" s="10">
        <v>264.5</v>
      </c>
      <c r="B662" s="10">
        <v>53.764749999999999</v>
      </c>
      <c r="C662" s="10">
        <v>51.268250000000002</v>
      </c>
      <c r="D662" s="10">
        <v>48.475749999999998</v>
      </c>
      <c r="E662" s="10">
        <v>46.573500000000003</v>
      </c>
      <c r="F662" s="10">
        <v>42.285249999999998</v>
      </c>
      <c r="G662" s="10">
        <v>38.349249999999998</v>
      </c>
    </row>
    <row r="663" spans="1:7" x14ac:dyDescent="0.25">
      <c r="A663" s="10">
        <v>265</v>
      </c>
      <c r="B663" s="10">
        <v>53.706499999999998</v>
      </c>
      <c r="C663" s="10">
        <v>51.160499999999999</v>
      </c>
      <c r="D663" s="10">
        <v>48.415500000000002</v>
      </c>
      <c r="E663" s="10">
        <v>46.47925</v>
      </c>
      <c r="F663" s="10">
        <v>42.238500000000002</v>
      </c>
      <c r="G663" s="10">
        <v>38.325499999999998</v>
      </c>
    </row>
    <row r="664" spans="1:7" x14ac:dyDescent="0.25">
      <c r="A664" s="10">
        <v>265.5</v>
      </c>
      <c r="B664" s="10">
        <v>53.614249999999998</v>
      </c>
      <c r="C664" s="10">
        <v>51.100250000000003</v>
      </c>
      <c r="D664" s="10">
        <v>48.351999999999997</v>
      </c>
      <c r="E664" s="10">
        <v>46.447000000000003</v>
      </c>
      <c r="F664" s="10">
        <v>42.172750000000001</v>
      </c>
      <c r="G664" s="10">
        <v>38.27225</v>
      </c>
    </row>
    <row r="665" spans="1:7" x14ac:dyDescent="0.25">
      <c r="A665" s="10">
        <v>266</v>
      </c>
      <c r="B665" s="10">
        <v>53.514499999999998</v>
      </c>
      <c r="C665" s="10">
        <v>51.011249999999997</v>
      </c>
      <c r="D665" s="10">
        <v>48.265500000000003</v>
      </c>
      <c r="E665" s="10">
        <v>46.372500000000002</v>
      </c>
      <c r="F665" s="10">
        <v>42.131999999999998</v>
      </c>
      <c r="G665" s="10">
        <v>38.236499999999999</v>
      </c>
    </row>
    <row r="666" spans="1:7" x14ac:dyDescent="0.25">
      <c r="A666" s="10">
        <v>266.5</v>
      </c>
      <c r="B666" s="10">
        <v>53.444749999999999</v>
      </c>
      <c r="C666" s="10">
        <v>50.959000000000003</v>
      </c>
      <c r="D666" s="10">
        <v>48.176250000000003</v>
      </c>
      <c r="E666" s="10">
        <v>46.297750000000001</v>
      </c>
      <c r="F666" s="10">
        <v>42.075499999999998</v>
      </c>
      <c r="G666" s="10">
        <v>38.207749999999997</v>
      </c>
    </row>
    <row r="667" spans="1:7" x14ac:dyDescent="0.25">
      <c r="A667" s="10">
        <v>267</v>
      </c>
      <c r="B667" s="10">
        <v>53.357999999999997</v>
      </c>
      <c r="C667" s="10">
        <v>50.865000000000002</v>
      </c>
      <c r="D667" s="10">
        <v>48.115250000000003</v>
      </c>
      <c r="E667" s="10">
        <v>46.21125</v>
      </c>
      <c r="F667" s="10">
        <v>42.015000000000001</v>
      </c>
      <c r="G667" s="10">
        <v>38.179000000000002</v>
      </c>
    </row>
    <row r="668" spans="1:7" x14ac:dyDescent="0.25">
      <c r="A668" s="10">
        <v>267.5</v>
      </c>
      <c r="B668" s="10">
        <v>53.262999999999998</v>
      </c>
      <c r="C668" s="10">
        <v>50.78275</v>
      </c>
      <c r="D668" s="10">
        <v>48.085250000000002</v>
      </c>
      <c r="E668" s="10">
        <v>46.16825</v>
      </c>
      <c r="F668" s="10">
        <v>41.972749999999998</v>
      </c>
      <c r="G668" s="10">
        <v>38.139000000000003</v>
      </c>
    </row>
    <row r="669" spans="1:7" x14ac:dyDescent="0.25">
      <c r="A669" s="10">
        <v>268</v>
      </c>
      <c r="B669" s="10">
        <v>53.186999999999998</v>
      </c>
      <c r="C669" s="10">
        <v>50.722999999999999</v>
      </c>
      <c r="D669" s="10">
        <v>47.965249999999997</v>
      </c>
      <c r="E669" s="10">
        <v>46.137250000000002</v>
      </c>
      <c r="F669" s="10">
        <v>41.918999999999997</v>
      </c>
      <c r="G669" s="10">
        <v>38.09525</v>
      </c>
    </row>
    <row r="670" spans="1:7" x14ac:dyDescent="0.25">
      <c r="A670" s="10">
        <v>268.5</v>
      </c>
      <c r="B670" s="10">
        <v>53.107999999999997</v>
      </c>
      <c r="C670" s="10">
        <v>50.617750000000001</v>
      </c>
      <c r="D670" s="10">
        <v>47.913499999999999</v>
      </c>
      <c r="E670" s="10">
        <v>46.054499999999997</v>
      </c>
      <c r="F670" s="10">
        <v>41.83925</v>
      </c>
      <c r="G670" s="10">
        <v>38.09225</v>
      </c>
    </row>
    <row r="671" spans="1:7" x14ac:dyDescent="0.25">
      <c r="A671" s="10">
        <v>269</v>
      </c>
      <c r="B671" s="10">
        <v>53.016750000000002</v>
      </c>
      <c r="C671" s="10">
        <v>50.546500000000002</v>
      </c>
      <c r="D671" s="10">
        <v>47.856000000000002</v>
      </c>
      <c r="E671" s="10">
        <v>45.995249999999999</v>
      </c>
      <c r="F671" s="10">
        <v>41.788249999999998</v>
      </c>
      <c r="G671" s="10">
        <v>38.047750000000001</v>
      </c>
    </row>
    <row r="672" spans="1:7" x14ac:dyDescent="0.25">
      <c r="A672" s="10">
        <v>269.5</v>
      </c>
      <c r="B672" s="10">
        <v>52.936999999999998</v>
      </c>
      <c r="C672" s="10">
        <v>50.481250000000003</v>
      </c>
      <c r="D672" s="10">
        <v>47.753749999999997</v>
      </c>
      <c r="E672" s="10">
        <v>45.922750000000001</v>
      </c>
      <c r="F672" s="10">
        <v>41.732250000000001</v>
      </c>
      <c r="G672" s="10">
        <v>37.999000000000002</v>
      </c>
    </row>
    <row r="673" spans="1:7" x14ac:dyDescent="0.25">
      <c r="A673" s="10">
        <v>270</v>
      </c>
      <c r="B673" s="10">
        <v>52.852249999999998</v>
      </c>
      <c r="C673" s="10">
        <v>50.396500000000003</v>
      </c>
      <c r="D673" s="10">
        <v>47.705500000000001</v>
      </c>
      <c r="E673" s="10">
        <v>45.868250000000003</v>
      </c>
      <c r="F673" s="10">
        <v>41.676499999999997</v>
      </c>
      <c r="G673" s="10">
        <v>37.927999999999997</v>
      </c>
    </row>
    <row r="674" spans="1:7" x14ac:dyDescent="0.25">
      <c r="A674" s="10">
        <v>270.5</v>
      </c>
      <c r="B674" s="10">
        <v>52.776499999999999</v>
      </c>
      <c r="C674" s="10">
        <v>50.322499999999998</v>
      </c>
      <c r="D674" s="10">
        <v>47.643000000000001</v>
      </c>
      <c r="E674" s="10">
        <v>45.816249999999997</v>
      </c>
      <c r="F674" s="10">
        <v>41.636000000000003</v>
      </c>
      <c r="G674" s="10">
        <v>37.914749999999998</v>
      </c>
    </row>
    <row r="675" spans="1:7" x14ac:dyDescent="0.25">
      <c r="A675" s="10">
        <v>271</v>
      </c>
      <c r="B675" s="10">
        <v>52.695999999999998</v>
      </c>
      <c r="C675" s="10">
        <v>50.237250000000003</v>
      </c>
      <c r="D675" s="10">
        <v>47.534750000000003</v>
      </c>
      <c r="E675" s="10">
        <v>45.769500000000001</v>
      </c>
      <c r="F675" s="10">
        <v>41.58925</v>
      </c>
      <c r="G675" s="10">
        <v>37.881250000000001</v>
      </c>
    </row>
    <row r="676" spans="1:7" x14ac:dyDescent="0.25">
      <c r="A676" s="10">
        <v>271.5</v>
      </c>
      <c r="B676" s="10">
        <v>52.619750000000003</v>
      </c>
      <c r="C676" s="10">
        <v>50.14425</v>
      </c>
      <c r="D676" s="10">
        <v>47.492249999999999</v>
      </c>
      <c r="E676" s="10">
        <v>45.690750000000001</v>
      </c>
      <c r="F676" s="10">
        <v>41.536999999999999</v>
      </c>
      <c r="G676" s="10">
        <v>37.820500000000003</v>
      </c>
    </row>
    <row r="677" spans="1:7" x14ac:dyDescent="0.25">
      <c r="A677" s="10">
        <v>272</v>
      </c>
      <c r="B677" s="10">
        <v>52.536250000000003</v>
      </c>
      <c r="C677" s="10">
        <v>50.097000000000001</v>
      </c>
      <c r="D677" s="10">
        <v>47.40625</v>
      </c>
      <c r="E677" s="10">
        <v>45.637999999999998</v>
      </c>
      <c r="F677" s="10">
        <v>41.485750000000003</v>
      </c>
      <c r="G677" s="10">
        <v>37.829749999999997</v>
      </c>
    </row>
    <row r="678" spans="1:7" x14ac:dyDescent="0.25">
      <c r="A678" s="10">
        <v>272.5</v>
      </c>
      <c r="B678" s="10">
        <v>52.456249999999997</v>
      </c>
      <c r="C678" s="10">
        <v>50.015999999999998</v>
      </c>
      <c r="D678" s="10">
        <v>47.359499999999997</v>
      </c>
      <c r="E678" s="10">
        <v>45.578249999999997</v>
      </c>
      <c r="F678" s="10">
        <v>41.420250000000003</v>
      </c>
      <c r="G678" s="10">
        <v>37.774250000000002</v>
      </c>
    </row>
    <row r="679" spans="1:7" x14ac:dyDescent="0.25">
      <c r="A679" s="10">
        <v>273</v>
      </c>
      <c r="B679" s="10">
        <v>52.373750000000001</v>
      </c>
      <c r="C679" s="10">
        <v>49.945999999999998</v>
      </c>
      <c r="D679" s="10">
        <v>47.27675</v>
      </c>
      <c r="E679" s="10">
        <v>45.514499999999998</v>
      </c>
      <c r="F679" s="10">
        <v>41.363</v>
      </c>
      <c r="G679" s="10">
        <v>37.725250000000003</v>
      </c>
    </row>
    <row r="680" spans="1:7" x14ac:dyDescent="0.25">
      <c r="A680" s="10">
        <v>273.5</v>
      </c>
      <c r="B680" s="10">
        <v>52.314749999999997</v>
      </c>
      <c r="C680" s="10">
        <v>49.863250000000001</v>
      </c>
      <c r="D680" s="10">
        <v>47.22475</v>
      </c>
      <c r="E680" s="10">
        <v>45.442250000000001</v>
      </c>
      <c r="F680" s="10">
        <v>41.338000000000001</v>
      </c>
      <c r="G680" s="10">
        <v>37.692999999999998</v>
      </c>
    </row>
    <row r="681" spans="1:7" x14ac:dyDescent="0.25">
      <c r="A681" s="10">
        <v>274</v>
      </c>
      <c r="B681" s="10">
        <v>52.249749999999999</v>
      </c>
      <c r="C681" s="10">
        <v>49.777999999999999</v>
      </c>
      <c r="D681" s="10">
        <v>47.147750000000002</v>
      </c>
      <c r="E681" s="10">
        <v>45.391249999999999</v>
      </c>
      <c r="F681" s="10">
        <v>41.283000000000001</v>
      </c>
      <c r="G681" s="10">
        <v>37.6755</v>
      </c>
    </row>
    <row r="682" spans="1:7" x14ac:dyDescent="0.25">
      <c r="A682" s="10">
        <v>274.5</v>
      </c>
      <c r="B682" s="10">
        <v>52.155250000000002</v>
      </c>
      <c r="C682" s="10">
        <v>49.71425</v>
      </c>
      <c r="D682" s="10">
        <v>47.056750000000001</v>
      </c>
      <c r="E682" s="10">
        <v>45.329749999999997</v>
      </c>
      <c r="F682" s="10">
        <v>41.234250000000003</v>
      </c>
      <c r="G682" s="10">
        <v>37.627749999999999</v>
      </c>
    </row>
    <row r="683" spans="1:7" x14ac:dyDescent="0.25">
      <c r="A683" s="10">
        <v>275</v>
      </c>
      <c r="B683" s="10">
        <v>52.056750000000001</v>
      </c>
      <c r="C683" s="10">
        <v>49.636000000000003</v>
      </c>
      <c r="D683" s="10">
        <v>47.011000000000003</v>
      </c>
      <c r="E683" s="10">
        <v>45.274999999999999</v>
      </c>
      <c r="F683" s="10">
        <v>41.151499999999999</v>
      </c>
      <c r="G683" s="10">
        <v>37.597999999999999</v>
      </c>
    </row>
    <row r="684" spans="1:7" x14ac:dyDescent="0.25">
      <c r="A684" s="10">
        <v>275.5</v>
      </c>
      <c r="B684" s="10">
        <v>51.968000000000004</v>
      </c>
      <c r="C684" s="10">
        <v>49.569249999999997</v>
      </c>
      <c r="D684" s="10">
        <v>46.957000000000001</v>
      </c>
      <c r="E684" s="10">
        <v>45.207250000000002</v>
      </c>
      <c r="F684" s="10">
        <v>41.123249999999999</v>
      </c>
      <c r="G684" s="10">
        <v>37.568750000000001</v>
      </c>
    </row>
    <row r="685" spans="1:7" x14ac:dyDescent="0.25">
      <c r="A685" s="10">
        <v>276</v>
      </c>
      <c r="B685" s="10">
        <v>51.8795</v>
      </c>
      <c r="C685" s="10">
        <v>49.4925</v>
      </c>
      <c r="D685" s="10">
        <v>46.867249999999999</v>
      </c>
      <c r="E685" s="10">
        <v>45.122500000000002</v>
      </c>
      <c r="F685" s="10">
        <v>41.080500000000001</v>
      </c>
      <c r="G685" s="10">
        <v>37.555250000000001</v>
      </c>
    </row>
    <row r="686" spans="1:7" x14ac:dyDescent="0.25">
      <c r="A686" s="10">
        <v>276.5</v>
      </c>
      <c r="B686" s="10">
        <v>51.819749999999999</v>
      </c>
      <c r="C686" s="10">
        <v>49.401499999999999</v>
      </c>
      <c r="D686" s="10">
        <v>46.803249999999998</v>
      </c>
      <c r="E686" s="10">
        <v>45.0715</v>
      </c>
      <c r="F686" s="10">
        <v>41.012250000000002</v>
      </c>
      <c r="G686" s="10">
        <v>37.502499999999998</v>
      </c>
    </row>
    <row r="687" spans="1:7" x14ac:dyDescent="0.25">
      <c r="A687" s="10">
        <v>277</v>
      </c>
      <c r="B687" s="10">
        <v>51.758249999999997</v>
      </c>
      <c r="C687" s="10">
        <v>49.337499999999999</v>
      </c>
      <c r="D687" s="10">
        <v>46.738500000000002</v>
      </c>
      <c r="E687" s="10">
        <v>45.039000000000001</v>
      </c>
      <c r="F687" s="10">
        <v>40.964500000000001</v>
      </c>
      <c r="G687" s="10">
        <v>37.466000000000001</v>
      </c>
    </row>
    <row r="688" spans="1:7" x14ac:dyDescent="0.25">
      <c r="A688" s="10">
        <v>277.5</v>
      </c>
      <c r="B688" s="10">
        <v>51.64875</v>
      </c>
      <c r="C688" s="10">
        <v>49.289499999999997</v>
      </c>
      <c r="D688" s="10">
        <v>46.664250000000003</v>
      </c>
      <c r="E688" s="10">
        <v>44.945</v>
      </c>
      <c r="F688" s="10">
        <v>40.924250000000001</v>
      </c>
      <c r="G688" s="10">
        <v>37.443249999999999</v>
      </c>
    </row>
    <row r="689" spans="1:7" x14ac:dyDescent="0.25">
      <c r="A689" s="10">
        <v>278</v>
      </c>
      <c r="B689" s="10">
        <v>51.593000000000004</v>
      </c>
      <c r="C689" s="10">
        <v>49.178249999999998</v>
      </c>
      <c r="D689" s="10">
        <v>46.607500000000002</v>
      </c>
      <c r="E689" s="10">
        <v>44.933750000000003</v>
      </c>
      <c r="F689" s="10">
        <v>40.8765</v>
      </c>
      <c r="G689" s="10">
        <v>37.414999999999999</v>
      </c>
    </row>
    <row r="690" spans="1:7" x14ac:dyDescent="0.25">
      <c r="A690" s="10">
        <v>278.5</v>
      </c>
      <c r="B690" s="10">
        <v>51.517749999999999</v>
      </c>
      <c r="C690" s="10">
        <v>49.119750000000003</v>
      </c>
      <c r="D690" s="10">
        <v>46.561999999999998</v>
      </c>
      <c r="E690" s="10">
        <v>44.84375</v>
      </c>
      <c r="F690" s="10">
        <v>40.816499999999998</v>
      </c>
      <c r="G690" s="10">
        <v>37.366</v>
      </c>
    </row>
    <row r="691" spans="1:7" x14ac:dyDescent="0.25">
      <c r="A691" s="10">
        <v>279</v>
      </c>
      <c r="B691" s="10">
        <v>51.453749999999999</v>
      </c>
      <c r="C691" s="10">
        <v>49.058999999999997</v>
      </c>
      <c r="D691" s="10">
        <v>46.479500000000002</v>
      </c>
      <c r="E691" s="10">
        <v>44.77525</v>
      </c>
      <c r="F691" s="10">
        <v>40.765250000000002</v>
      </c>
      <c r="G691" s="10">
        <v>37.34525</v>
      </c>
    </row>
    <row r="692" spans="1:7" x14ac:dyDescent="0.25">
      <c r="A692" s="10">
        <v>279.5</v>
      </c>
      <c r="B692" s="10">
        <v>51.372999999999998</v>
      </c>
      <c r="C692" s="10">
        <v>48.987499999999997</v>
      </c>
      <c r="D692" s="10">
        <v>46.406500000000001</v>
      </c>
      <c r="E692" s="10">
        <v>44.727499999999999</v>
      </c>
      <c r="F692" s="10">
        <v>40.739249999999998</v>
      </c>
      <c r="G692" s="10">
        <v>37.316000000000003</v>
      </c>
    </row>
    <row r="693" spans="1:7" x14ac:dyDescent="0.25">
      <c r="A693" s="10">
        <v>280</v>
      </c>
      <c r="B693" s="10">
        <v>51.274250000000002</v>
      </c>
      <c r="C693" s="10">
        <v>48.898499999999999</v>
      </c>
      <c r="D693" s="10">
        <v>46.322749999999999</v>
      </c>
      <c r="E693" s="10">
        <v>44.677999999999997</v>
      </c>
      <c r="F693" s="10">
        <v>40.673499999999997</v>
      </c>
      <c r="G693" s="10">
        <v>37.268999999999998</v>
      </c>
    </row>
    <row r="694" spans="1:7" x14ac:dyDescent="0.25">
      <c r="A694" s="10">
        <v>280.5</v>
      </c>
      <c r="B694" s="10">
        <v>51.225499999999997</v>
      </c>
      <c r="C694" s="10">
        <v>48.83475</v>
      </c>
      <c r="D694" s="10">
        <v>46.265250000000002</v>
      </c>
      <c r="E694" s="10">
        <v>44.591000000000001</v>
      </c>
      <c r="F694" s="10">
        <v>40.632750000000001</v>
      </c>
      <c r="G694" s="10">
        <v>37.234499999999997</v>
      </c>
    </row>
    <row r="695" spans="1:7" x14ac:dyDescent="0.25">
      <c r="A695" s="10">
        <v>281</v>
      </c>
      <c r="B695" s="10">
        <v>51.106000000000002</v>
      </c>
      <c r="C695" s="10">
        <v>48.778500000000001</v>
      </c>
      <c r="D695" s="10">
        <v>46.23075</v>
      </c>
      <c r="E695" s="10">
        <v>44.571750000000002</v>
      </c>
      <c r="F695" s="10">
        <v>40.573250000000002</v>
      </c>
      <c r="G695" s="10">
        <v>37.215000000000003</v>
      </c>
    </row>
    <row r="696" spans="1:7" x14ac:dyDescent="0.25">
      <c r="A696" s="10">
        <v>281.5</v>
      </c>
      <c r="B696" s="10">
        <v>51.048499999999997</v>
      </c>
      <c r="C696" s="10">
        <v>48.6785</v>
      </c>
      <c r="D696" s="10">
        <v>46.141500000000001</v>
      </c>
      <c r="E696" s="10">
        <v>44.509250000000002</v>
      </c>
      <c r="F696" s="10">
        <v>40.509</v>
      </c>
      <c r="G696" s="10">
        <v>37.16375</v>
      </c>
    </row>
    <row r="697" spans="1:7" x14ac:dyDescent="0.25">
      <c r="A697" s="10">
        <v>282</v>
      </c>
      <c r="B697" s="10">
        <v>50.966749999999998</v>
      </c>
      <c r="C697" s="10">
        <v>48.650500000000001</v>
      </c>
      <c r="D697" s="10">
        <v>46.067999999999998</v>
      </c>
      <c r="E697" s="10">
        <v>44.389249999999997</v>
      </c>
      <c r="F697" s="10">
        <v>40.502749999999999</v>
      </c>
      <c r="G697" s="10">
        <v>37.140250000000002</v>
      </c>
    </row>
    <row r="698" spans="1:7" x14ac:dyDescent="0.25">
      <c r="A698" s="10">
        <v>282.5</v>
      </c>
      <c r="B698" s="10">
        <v>50.893999999999998</v>
      </c>
      <c r="C698" s="10">
        <v>48.567500000000003</v>
      </c>
      <c r="D698" s="10">
        <v>46.017499999999998</v>
      </c>
      <c r="E698" s="10">
        <v>44.421250000000001</v>
      </c>
      <c r="F698" s="10">
        <v>40.422750000000001</v>
      </c>
      <c r="G698" s="10">
        <v>37.103749999999998</v>
      </c>
    </row>
    <row r="699" spans="1:7" x14ac:dyDescent="0.25">
      <c r="A699" s="10">
        <v>283</v>
      </c>
      <c r="B699" s="10">
        <v>50.851500000000001</v>
      </c>
      <c r="C699" s="10">
        <v>48.488</v>
      </c>
      <c r="D699" s="10">
        <v>45.948999999999998</v>
      </c>
      <c r="E699" s="10">
        <v>44.355499999999999</v>
      </c>
      <c r="F699" s="10">
        <v>40.377000000000002</v>
      </c>
      <c r="G699" s="10">
        <v>37.083750000000002</v>
      </c>
    </row>
    <row r="700" spans="1:7" x14ac:dyDescent="0.25">
      <c r="A700" s="10">
        <v>283.5</v>
      </c>
      <c r="B700" s="10">
        <v>50.755000000000003</v>
      </c>
      <c r="C700" s="10">
        <v>48.409750000000003</v>
      </c>
      <c r="D700" s="10">
        <v>45.877499999999998</v>
      </c>
      <c r="E700" s="10">
        <v>44.295250000000003</v>
      </c>
      <c r="F700" s="10">
        <v>40.344250000000002</v>
      </c>
      <c r="G700" s="10">
        <v>37.039749999999998</v>
      </c>
    </row>
    <row r="701" spans="1:7" x14ac:dyDescent="0.25">
      <c r="A701" s="10">
        <v>284</v>
      </c>
      <c r="B701" s="10">
        <v>50.656999999999996</v>
      </c>
      <c r="C701" s="10">
        <v>48.344999999999999</v>
      </c>
      <c r="D701" s="10">
        <v>45.805750000000003</v>
      </c>
      <c r="E701" s="10">
        <v>44.214750000000002</v>
      </c>
      <c r="F701" s="10">
        <v>40.302500000000002</v>
      </c>
      <c r="G701" s="10">
        <v>37.011000000000003</v>
      </c>
    </row>
    <row r="702" spans="1:7" x14ac:dyDescent="0.25">
      <c r="A702" s="10">
        <v>284.5</v>
      </c>
      <c r="B702" s="10">
        <v>50.570500000000003</v>
      </c>
      <c r="C702" s="10">
        <v>48.27825</v>
      </c>
      <c r="D702" s="10">
        <v>45.761000000000003</v>
      </c>
      <c r="E702" s="10">
        <v>44.195749999999997</v>
      </c>
      <c r="F702" s="10">
        <v>40.22325</v>
      </c>
      <c r="G702" s="10">
        <v>36.938749999999999</v>
      </c>
    </row>
    <row r="703" spans="1:7" x14ac:dyDescent="0.25">
      <c r="A703" s="10">
        <v>285</v>
      </c>
      <c r="B703" s="10">
        <v>50.505249999999997</v>
      </c>
      <c r="C703" s="10">
        <v>48.189250000000001</v>
      </c>
      <c r="D703" s="10">
        <v>45.703000000000003</v>
      </c>
      <c r="E703" s="10">
        <v>44.131749999999997</v>
      </c>
      <c r="F703" s="10">
        <v>40.195999999999998</v>
      </c>
      <c r="G703" s="10">
        <v>36.893749999999997</v>
      </c>
    </row>
    <row r="704" spans="1:7" x14ac:dyDescent="0.25">
      <c r="A704" s="10">
        <v>285.5</v>
      </c>
      <c r="B704" s="10">
        <v>50.457000000000001</v>
      </c>
      <c r="C704" s="10">
        <v>48.155749999999998</v>
      </c>
      <c r="D704" s="10">
        <v>45.618250000000003</v>
      </c>
      <c r="E704" s="10">
        <v>44.058500000000002</v>
      </c>
      <c r="F704" s="10">
        <v>40.122</v>
      </c>
      <c r="G704" s="10">
        <v>36.89875</v>
      </c>
    </row>
    <row r="705" spans="1:7" x14ac:dyDescent="0.25">
      <c r="A705" s="10">
        <v>286</v>
      </c>
      <c r="B705" s="10">
        <v>50.383749999999999</v>
      </c>
      <c r="C705" s="10">
        <v>48.075499999999998</v>
      </c>
      <c r="D705" s="10">
        <v>45.560250000000003</v>
      </c>
      <c r="E705" s="10">
        <v>43.992249999999999</v>
      </c>
      <c r="F705" s="10">
        <v>40.088749999999997</v>
      </c>
      <c r="G705" s="10">
        <v>36.863500000000002</v>
      </c>
    </row>
    <row r="706" spans="1:7" x14ac:dyDescent="0.25">
      <c r="A706" s="10">
        <v>286.5</v>
      </c>
      <c r="B706" s="10">
        <v>50.311250000000001</v>
      </c>
      <c r="C706" s="10">
        <v>48.027000000000001</v>
      </c>
      <c r="D706" s="10">
        <v>45.515999999999998</v>
      </c>
      <c r="E706" s="10">
        <v>43.96725</v>
      </c>
      <c r="F706" s="10">
        <v>40.03575</v>
      </c>
      <c r="G706" s="10">
        <v>36.828749999999999</v>
      </c>
    </row>
    <row r="707" spans="1:7" x14ac:dyDescent="0.25">
      <c r="A707" s="10">
        <v>287</v>
      </c>
      <c r="B707" s="10">
        <v>50.244999999999997</v>
      </c>
      <c r="C707" s="10">
        <v>47.934249999999999</v>
      </c>
      <c r="D707" s="10">
        <v>45.466749999999998</v>
      </c>
      <c r="E707" s="10">
        <v>43.878500000000003</v>
      </c>
      <c r="F707" s="10">
        <v>40.021999999999998</v>
      </c>
      <c r="G707" s="10">
        <v>36.808250000000001</v>
      </c>
    </row>
    <row r="708" spans="1:7" x14ac:dyDescent="0.25">
      <c r="A708" s="10">
        <v>287.5</v>
      </c>
      <c r="B708" s="10">
        <v>50.192</v>
      </c>
      <c r="C708" s="10">
        <v>47.908499999999997</v>
      </c>
      <c r="D708" s="10">
        <v>45.405250000000002</v>
      </c>
      <c r="E708" s="10">
        <v>43.832500000000003</v>
      </c>
      <c r="F708" s="10">
        <v>39.953000000000003</v>
      </c>
      <c r="G708" s="10">
        <v>36.783499999999997</v>
      </c>
    </row>
    <row r="709" spans="1:7" x14ac:dyDescent="0.25">
      <c r="A709" s="10">
        <v>288</v>
      </c>
      <c r="B709" s="10">
        <v>50.079000000000001</v>
      </c>
      <c r="C709" s="10">
        <v>47.827500000000001</v>
      </c>
      <c r="D709" s="10">
        <v>45.350999999999999</v>
      </c>
      <c r="E709" s="10">
        <v>43.77825</v>
      </c>
      <c r="F709" s="10">
        <v>39.905999999999999</v>
      </c>
      <c r="G709" s="10">
        <v>36.761000000000003</v>
      </c>
    </row>
    <row r="710" spans="1:7" x14ac:dyDescent="0.25">
      <c r="A710" s="10">
        <v>288.5</v>
      </c>
      <c r="B710" s="10">
        <v>50.027749999999997</v>
      </c>
      <c r="C710" s="10">
        <v>47.725999999999999</v>
      </c>
      <c r="D710" s="10">
        <v>45.258000000000003</v>
      </c>
      <c r="E710" s="10">
        <v>43.738250000000001</v>
      </c>
      <c r="F710" s="10">
        <v>39.872750000000003</v>
      </c>
      <c r="G710" s="10">
        <v>36.719250000000002</v>
      </c>
    </row>
    <row r="711" spans="1:7" x14ac:dyDescent="0.25">
      <c r="A711" s="10">
        <v>289</v>
      </c>
      <c r="B711" s="10">
        <v>49.957500000000003</v>
      </c>
      <c r="C711" s="10">
        <v>47.664749999999998</v>
      </c>
      <c r="D711" s="10">
        <v>45.227499999999999</v>
      </c>
      <c r="E711" s="10">
        <v>43.676749999999998</v>
      </c>
      <c r="F711" s="10">
        <v>39.807499999999997</v>
      </c>
      <c r="G711" s="10">
        <v>36.694249999999997</v>
      </c>
    </row>
    <row r="712" spans="1:7" x14ac:dyDescent="0.25">
      <c r="A712" s="10">
        <v>289.5</v>
      </c>
      <c r="B712" s="10">
        <v>49.863250000000001</v>
      </c>
      <c r="C712" s="10">
        <v>47.615000000000002</v>
      </c>
      <c r="D712" s="10">
        <v>45.153750000000002</v>
      </c>
      <c r="E712" s="10">
        <v>43.615250000000003</v>
      </c>
      <c r="F712" s="10">
        <v>39.773000000000003</v>
      </c>
      <c r="G712" s="10">
        <v>36.656750000000002</v>
      </c>
    </row>
    <row r="713" spans="1:7" x14ac:dyDescent="0.25">
      <c r="A713" s="10">
        <v>290</v>
      </c>
      <c r="B713" s="10">
        <v>49.797499999999999</v>
      </c>
      <c r="C713" s="10">
        <v>47.550750000000001</v>
      </c>
      <c r="D713" s="10">
        <v>45.089500000000001</v>
      </c>
      <c r="E713" s="10">
        <v>43.572000000000003</v>
      </c>
      <c r="F713" s="10">
        <v>39.714750000000002</v>
      </c>
      <c r="G713" s="10">
        <v>36.631749999999997</v>
      </c>
    </row>
    <row r="714" spans="1:7" x14ac:dyDescent="0.25">
      <c r="A714" s="10">
        <v>290.5</v>
      </c>
      <c r="B714" s="10">
        <v>49.720500000000001</v>
      </c>
      <c r="C714" s="10">
        <v>47.49</v>
      </c>
      <c r="D714" s="10">
        <v>45.034750000000003</v>
      </c>
      <c r="E714" s="10">
        <v>43.514000000000003</v>
      </c>
      <c r="F714" s="10">
        <v>39.661250000000003</v>
      </c>
      <c r="G714" s="10">
        <v>36.614750000000001</v>
      </c>
    </row>
    <row r="715" spans="1:7" x14ac:dyDescent="0.25">
      <c r="A715" s="10">
        <v>291</v>
      </c>
      <c r="B715" s="10">
        <v>49.650750000000002</v>
      </c>
      <c r="C715" s="10">
        <v>47.412500000000001</v>
      </c>
      <c r="D715" s="10">
        <v>44.962499999999999</v>
      </c>
      <c r="E715" s="10">
        <v>43.432749999999999</v>
      </c>
      <c r="F715" s="10">
        <v>39.625999999999998</v>
      </c>
      <c r="G715" s="10">
        <v>36.558250000000001</v>
      </c>
    </row>
    <row r="716" spans="1:7" x14ac:dyDescent="0.25">
      <c r="A716" s="10">
        <v>291.5</v>
      </c>
      <c r="B716" s="10">
        <v>49.610500000000002</v>
      </c>
      <c r="C716" s="10">
        <v>47.326000000000001</v>
      </c>
      <c r="D716" s="10">
        <v>44.918999999999997</v>
      </c>
      <c r="E716" s="10">
        <v>43.40625</v>
      </c>
      <c r="F716" s="10">
        <v>39.585250000000002</v>
      </c>
      <c r="G716" s="10">
        <v>36.521500000000003</v>
      </c>
    </row>
    <row r="717" spans="1:7" x14ac:dyDescent="0.25">
      <c r="A717" s="10">
        <v>292</v>
      </c>
      <c r="B717" s="10">
        <v>49.537500000000001</v>
      </c>
      <c r="C717" s="10">
        <v>47.265000000000001</v>
      </c>
      <c r="D717" s="10">
        <v>44.878749999999997</v>
      </c>
      <c r="E717" s="10">
        <v>43.366</v>
      </c>
      <c r="F717" s="10">
        <v>39.551000000000002</v>
      </c>
      <c r="G717" s="10">
        <v>36.493000000000002</v>
      </c>
    </row>
    <row r="718" spans="1:7" x14ac:dyDescent="0.25">
      <c r="A718" s="10">
        <v>292.5</v>
      </c>
      <c r="B718" s="10">
        <v>49.442749999999997</v>
      </c>
      <c r="C718" s="10">
        <v>47.201000000000001</v>
      </c>
      <c r="D718" s="10">
        <v>44.78725</v>
      </c>
      <c r="E718" s="10">
        <v>43.307000000000002</v>
      </c>
      <c r="F718" s="10">
        <v>39.512999999999998</v>
      </c>
      <c r="G718" s="10">
        <v>36.465249999999997</v>
      </c>
    </row>
    <row r="719" spans="1:7" x14ac:dyDescent="0.25">
      <c r="A719" s="10">
        <v>293</v>
      </c>
      <c r="B719" s="10">
        <v>49.375749999999996</v>
      </c>
      <c r="C719" s="10">
        <v>47.15025</v>
      </c>
      <c r="D719" s="10">
        <v>44.745750000000001</v>
      </c>
      <c r="E719" s="10">
        <v>43.249250000000004</v>
      </c>
      <c r="F719" s="10">
        <v>39.462000000000003</v>
      </c>
      <c r="G719" s="10">
        <v>36.41075</v>
      </c>
    </row>
    <row r="720" spans="1:7" x14ac:dyDescent="0.25">
      <c r="A720" s="10">
        <v>293.5</v>
      </c>
      <c r="B720" s="10">
        <v>49.308</v>
      </c>
      <c r="C720" s="10">
        <v>47.092500000000001</v>
      </c>
      <c r="D720" s="10">
        <v>44.671500000000002</v>
      </c>
      <c r="E720" s="10">
        <v>43.201250000000002</v>
      </c>
      <c r="F720" s="10">
        <v>39.419750000000001</v>
      </c>
      <c r="G720" s="10">
        <v>36.431249999999999</v>
      </c>
    </row>
    <row r="721" spans="1:7" x14ac:dyDescent="0.25">
      <c r="A721" s="10">
        <v>294</v>
      </c>
      <c r="B721" s="10">
        <v>49.234999999999999</v>
      </c>
      <c r="C721" s="10">
        <v>47.014000000000003</v>
      </c>
      <c r="D721" s="10">
        <v>44.623750000000001</v>
      </c>
      <c r="E721" s="10">
        <v>43.137500000000003</v>
      </c>
      <c r="F721" s="10">
        <v>39.374749999999999</v>
      </c>
      <c r="G721" s="10">
        <v>36.361499999999999</v>
      </c>
    </row>
    <row r="722" spans="1:7" x14ac:dyDescent="0.25">
      <c r="A722" s="10">
        <v>294.5</v>
      </c>
      <c r="B722" s="10">
        <v>49.172249999999998</v>
      </c>
      <c r="C722" s="10">
        <v>46.96425</v>
      </c>
      <c r="D722" s="10">
        <v>44.547499999999999</v>
      </c>
      <c r="E722" s="10">
        <v>43.101999999999997</v>
      </c>
      <c r="F722" s="10">
        <v>39.309750000000001</v>
      </c>
      <c r="G722" s="10">
        <v>36.341000000000001</v>
      </c>
    </row>
    <row r="723" spans="1:7" x14ac:dyDescent="0.25">
      <c r="A723" s="10">
        <v>295</v>
      </c>
      <c r="B723" s="10">
        <v>49.098500000000001</v>
      </c>
      <c r="C723" s="10">
        <v>46.878749999999997</v>
      </c>
      <c r="D723" s="10">
        <v>44.494999999999997</v>
      </c>
      <c r="E723" s="10">
        <v>43.046250000000001</v>
      </c>
      <c r="F723" s="10">
        <v>39.286250000000003</v>
      </c>
      <c r="G723" s="10">
        <v>36.320999999999998</v>
      </c>
    </row>
    <row r="724" spans="1:7" x14ac:dyDescent="0.25">
      <c r="A724" s="10">
        <v>295.5</v>
      </c>
      <c r="B724" s="10">
        <v>49.042250000000003</v>
      </c>
      <c r="C724" s="10">
        <v>46.822499999999998</v>
      </c>
      <c r="D724" s="10">
        <v>44.4345</v>
      </c>
      <c r="E724" s="10">
        <v>43.005499999999998</v>
      </c>
      <c r="F724" s="10">
        <v>39.221499999999999</v>
      </c>
      <c r="G724" s="10">
        <v>36.27675</v>
      </c>
    </row>
    <row r="725" spans="1:7" x14ac:dyDescent="0.25">
      <c r="A725" s="10">
        <v>296</v>
      </c>
      <c r="B725" s="10">
        <v>48.984000000000002</v>
      </c>
      <c r="C725" s="10">
        <v>46.765500000000003</v>
      </c>
      <c r="D725" s="10">
        <v>44.391249999999999</v>
      </c>
      <c r="E725" s="10">
        <v>42.911999999999999</v>
      </c>
      <c r="F725" s="10">
        <v>39.184750000000001</v>
      </c>
      <c r="G725" s="10">
        <v>36.244250000000001</v>
      </c>
    </row>
    <row r="726" spans="1:7" x14ac:dyDescent="0.25">
      <c r="A726" s="10">
        <v>296.5</v>
      </c>
      <c r="B726" s="10">
        <v>48.912999999999997</v>
      </c>
      <c r="C726" s="10">
        <v>46.709249999999997</v>
      </c>
      <c r="D726" s="10">
        <v>44.325249999999997</v>
      </c>
      <c r="E726" s="10">
        <v>42.896000000000001</v>
      </c>
      <c r="F726" s="10">
        <v>39.142499999999998</v>
      </c>
      <c r="G726" s="10">
        <v>36.223999999999997</v>
      </c>
    </row>
    <row r="727" spans="1:7" x14ac:dyDescent="0.25">
      <c r="A727" s="10">
        <v>297</v>
      </c>
      <c r="B727" s="10">
        <v>48.827750000000002</v>
      </c>
      <c r="C727" s="10">
        <v>46.630249999999997</v>
      </c>
      <c r="D727" s="10">
        <v>44.283749999999998</v>
      </c>
      <c r="E727" s="10">
        <v>42.843499999999999</v>
      </c>
      <c r="F727" s="10">
        <v>39.079500000000003</v>
      </c>
      <c r="G727" s="10">
        <v>36.142749999999999</v>
      </c>
    </row>
    <row r="728" spans="1:7" x14ac:dyDescent="0.25">
      <c r="A728" s="10">
        <v>297.5</v>
      </c>
      <c r="B728" s="10">
        <v>48.741750000000003</v>
      </c>
      <c r="C728" s="10">
        <v>46.559750000000001</v>
      </c>
      <c r="D728" s="10">
        <v>44.20975</v>
      </c>
      <c r="E728" s="10">
        <v>42.802250000000001</v>
      </c>
      <c r="F728" s="10">
        <v>39.071249999999999</v>
      </c>
      <c r="G728" s="10">
        <v>36.165999999999997</v>
      </c>
    </row>
    <row r="729" spans="1:7" x14ac:dyDescent="0.25">
      <c r="A729" s="10">
        <v>298</v>
      </c>
      <c r="B729" s="10">
        <v>48.715249999999997</v>
      </c>
      <c r="C729" s="10">
        <v>46.5075</v>
      </c>
      <c r="D729" s="10">
        <v>44.137</v>
      </c>
      <c r="E729" s="10">
        <v>42.734999999999999</v>
      </c>
      <c r="F729" s="10">
        <v>39.003749999999997</v>
      </c>
      <c r="G729" s="10">
        <v>36.131749999999997</v>
      </c>
    </row>
    <row r="730" spans="1:7" x14ac:dyDescent="0.25">
      <c r="A730" s="10">
        <v>298.5</v>
      </c>
      <c r="B730" s="10">
        <v>48.624000000000002</v>
      </c>
      <c r="C730" s="10">
        <v>46.445</v>
      </c>
      <c r="D730" s="10">
        <v>44.085250000000002</v>
      </c>
      <c r="E730" s="10">
        <v>42.68</v>
      </c>
      <c r="F730" s="10">
        <v>38.969749999999998</v>
      </c>
      <c r="G730" s="10">
        <v>36.08625</v>
      </c>
    </row>
    <row r="731" spans="1:7" x14ac:dyDescent="0.25">
      <c r="A731" s="10">
        <v>299</v>
      </c>
      <c r="B731" s="10">
        <v>48.564500000000002</v>
      </c>
      <c r="C731" s="10">
        <v>46.384250000000002</v>
      </c>
      <c r="D731" s="10">
        <v>44.054499999999997</v>
      </c>
      <c r="E731" s="10">
        <v>42.656750000000002</v>
      </c>
      <c r="F731" s="10">
        <v>38.927</v>
      </c>
      <c r="G731" s="10">
        <v>36.045499999999997</v>
      </c>
    </row>
    <row r="732" spans="1:7" x14ac:dyDescent="0.25">
      <c r="A732" s="10">
        <v>299.5</v>
      </c>
      <c r="B732" s="10">
        <v>48.497750000000003</v>
      </c>
      <c r="C732" s="10">
        <v>46.349499999999999</v>
      </c>
      <c r="D732" s="10">
        <v>43.974249999999998</v>
      </c>
      <c r="E732" s="10">
        <v>42.585999999999999</v>
      </c>
      <c r="F732" s="10">
        <v>38.892749999999999</v>
      </c>
      <c r="G732" s="10">
        <v>36.033250000000002</v>
      </c>
    </row>
    <row r="733" spans="1:7" x14ac:dyDescent="0.25">
      <c r="A733" s="10">
        <v>300</v>
      </c>
      <c r="B733" s="10">
        <v>48.4495</v>
      </c>
      <c r="C733" s="10">
        <v>46.283250000000002</v>
      </c>
      <c r="D733" s="10">
        <v>43.919499999999999</v>
      </c>
      <c r="E733" s="10">
        <v>42.543750000000003</v>
      </c>
      <c r="F733" s="10">
        <v>38.838999999999999</v>
      </c>
      <c r="G733" s="10">
        <v>36.03275</v>
      </c>
    </row>
    <row r="734" spans="1:7" x14ac:dyDescent="0.25">
      <c r="A734" s="10">
        <v>300.5</v>
      </c>
      <c r="B734" s="10">
        <v>48.34825</v>
      </c>
      <c r="C734" s="10">
        <v>46.185000000000002</v>
      </c>
      <c r="D734" s="10">
        <v>43.858499999999999</v>
      </c>
      <c r="E734" s="10">
        <v>42.502000000000002</v>
      </c>
      <c r="F734" s="10">
        <v>38.736249999999998</v>
      </c>
      <c r="G734" s="10">
        <v>35.975499999999997</v>
      </c>
    </row>
    <row r="735" spans="1:7" x14ac:dyDescent="0.25">
      <c r="A735" s="10">
        <v>301</v>
      </c>
      <c r="B735" s="10">
        <v>48.288249999999998</v>
      </c>
      <c r="C735" s="10">
        <v>46.160249999999998</v>
      </c>
      <c r="D735" s="10">
        <v>43.83625</v>
      </c>
      <c r="E735" s="10">
        <v>42.46575</v>
      </c>
      <c r="F735" s="10">
        <v>38.240499999999997</v>
      </c>
      <c r="G735" s="10">
        <v>35.944749999999999</v>
      </c>
    </row>
    <row r="736" spans="1:7" x14ac:dyDescent="0.25">
      <c r="A736" s="10">
        <v>301.5</v>
      </c>
      <c r="B736" s="10">
        <v>48.261749999999999</v>
      </c>
      <c r="C736" s="10">
        <v>46.089500000000001</v>
      </c>
      <c r="D736" s="10">
        <v>43.756999999999998</v>
      </c>
      <c r="E736" s="10">
        <v>42.377000000000002</v>
      </c>
      <c r="F736" s="10">
        <v>37.875749999999996</v>
      </c>
      <c r="G736" s="10">
        <v>35.921250000000001</v>
      </c>
    </row>
    <row r="737" spans="1:7" x14ac:dyDescent="0.25">
      <c r="A737" s="10">
        <v>302</v>
      </c>
      <c r="B737" s="10">
        <v>48.193750000000001</v>
      </c>
      <c r="C737" s="10">
        <v>46.03875</v>
      </c>
      <c r="D737" s="10">
        <v>43.702249999999999</v>
      </c>
      <c r="E737" s="10">
        <v>42.329500000000003</v>
      </c>
      <c r="F737" s="10">
        <v>37.419499999999999</v>
      </c>
      <c r="G737" s="10">
        <v>35.902500000000003</v>
      </c>
    </row>
    <row r="738" spans="1:7" x14ac:dyDescent="0.25">
      <c r="A738" s="10">
        <v>302.5</v>
      </c>
      <c r="B738" s="10">
        <v>48.110500000000002</v>
      </c>
      <c r="C738" s="10">
        <v>45.967750000000002</v>
      </c>
      <c r="D738" s="10">
        <v>43.636249999999997</v>
      </c>
      <c r="E738" s="10">
        <v>42.296250000000001</v>
      </c>
      <c r="F738" s="10">
        <v>37.200000000000003</v>
      </c>
      <c r="G738" s="10">
        <v>35.855249999999998</v>
      </c>
    </row>
    <row r="739" spans="1:7" x14ac:dyDescent="0.25">
      <c r="A739" s="10">
        <v>303</v>
      </c>
      <c r="B739" s="10">
        <v>48.048250000000003</v>
      </c>
      <c r="C739" s="10">
        <v>45.891750000000002</v>
      </c>
      <c r="D739" s="10">
        <v>43.595999999999997</v>
      </c>
      <c r="E739" s="10">
        <v>42.256500000000003</v>
      </c>
      <c r="F739" s="10">
        <v>36.997</v>
      </c>
      <c r="G739" s="10">
        <v>35.829250000000002</v>
      </c>
    </row>
    <row r="740" spans="1:7" x14ac:dyDescent="0.25">
      <c r="A740" s="10">
        <v>303.5</v>
      </c>
      <c r="B740" s="10">
        <v>47.982999999999997</v>
      </c>
      <c r="C740" s="10">
        <v>45.864750000000001</v>
      </c>
      <c r="D740" s="10">
        <v>43.558500000000002</v>
      </c>
      <c r="E740" s="10">
        <v>42.172499999999999</v>
      </c>
      <c r="F740" s="10">
        <v>36.896500000000003</v>
      </c>
      <c r="G740" s="10">
        <v>35.816000000000003</v>
      </c>
    </row>
    <row r="741" spans="1:7" x14ac:dyDescent="0.25">
      <c r="A741" s="10">
        <v>304</v>
      </c>
      <c r="B741" s="10">
        <v>47.941249999999997</v>
      </c>
      <c r="C741" s="10">
        <v>45.7575</v>
      </c>
      <c r="D741" s="10">
        <v>43.481999999999999</v>
      </c>
      <c r="E741" s="10">
        <v>42.159750000000003</v>
      </c>
      <c r="F741" s="10">
        <v>36.816749999999999</v>
      </c>
      <c r="G741" s="10">
        <v>35.783250000000002</v>
      </c>
    </row>
    <row r="742" spans="1:7" x14ac:dyDescent="0.25">
      <c r="A742" s="10">
        <v>304.5</v>
      </c>
      <c r="B742" s="10">
        <v>47.848999999999997</v>
      </c>
      <c r="C742" s="10">
        <v>45.708500000000001</v>
      </c>
      <c r="D742" s="10">
        <v>43.442999999999998</v>
      </c>
      <c r="E742" s="10">
        <v>42.090499999999999</v>
      </c>
      <c r="F742" s="10">
        <v>36.722749999999998</v>
      </c>
      <c r="G742" s="10">
        <v>35.71875</v>
      </c>
    </row>
    <row r="743" spans="1:7" x14ac:dyDescent="0.25">
      <c r="A743" s="10">
        <v>305</v>
      </c>
      <c r="B743" s="10">
        <v>47.774999999999999</v>
      </c>
      <c r="C743" s="10">
        <v>45.674999999999997</v>
      </c>
      <c r="D743" s="10">
        <v>43.362250000000003</v>
      </c>
      <c r="E743" s="10">
        <v>42.077750000000002</v>
      </c>
      <c r="F743" s="10">
        <v>36.655250000000002</v>
      </c>
      <c r="G743" s="10">
        <v>35.716500000000003</v>
      </c>
    </row>
    <row r="744" spans="1:7" x14ac:dyDescent="0.25">
      <c r="A744" s="10">
        <v>305.5</v>
      </c>
      <c r="B744" s="10">
        <v>47.703749999999999</v>
      </c>
      <c r="C744" s="10">
        <v>45.609000000000002</v>
      </c>
      <c r="D744" s="10">
        <v>43.351750000000003</v>
      </c>
      <c r="E744" s="10">
        <v>42.004249999999999</v>
      </c>
      <c r="F744" s="10">
        <v>36.586750000000002</v>
      </c>
      <c r="G744" s="10">
        <v>35.673250000000003</v>
      </c>
    </row>
    <row r="745" spans="1:7" x14ac:dyDescent="0.25">
      <c r="A745" s="10">
        <v>306</v>
      </c>
      <c r="B745" s="10">
        <v>47.639249999999997</v>
      </c>
      <c r="C745" s="10">
        <v>45.538249999999998</v>
      </c>
      <c r="D745" s="10">
        <v>43.259250000000002</v>
      </c>
      <c r="E745" s="10">
        <v>41.965000000000003</v>
      </c>
      <c r="F745" s="10">
        <v>36.54325</v>
      </c>
      <c r="G745" s="10">
        <v>35.655749999999998</v>
      </c>
    </row>
    <row r="746" spans="1:7" x14ac:dyDescent="0.25">
      <c r="A746" s="10">
        <v>306.5</v>
      </c>
      <c r="B746" s="10">
        <v>47.590249999999997</v>
      </c>
      <c r="C746" s="10">
        <v>45.487000000000002</v>
      </c>
      <c r="D746" s="10">
        <v>43.210500000000003</v>
      </c>
      <c r="E746" s="10">
        <v>41.912999999999997</v>
      </c>
      <c r="F746" s="10">
        <v>36.64575</v>
      </c>
      <c r="G746" s="10">
        <v>35.637500000000003</v>
      </c>
    </row>
    <row r="747" spans="1:7" x14ac:dyDescent="0.25">
      <c r="A747" s="10">
        <v>307</v>
      </c>
      <c r="B747" s="10">
        <v>47.527999999999999</v>
      </c>
      <c r="C747" s="10">
        <v>45.419499999999999</v>
      </c>
      <c r="D747" s="10">
        <v>43.15325</v>
      </c>
      <c r="E747" s="10">
        <v>41.856250000000003</v>
      </c>
      <c r="F747" s="10">
        <v>36.558750000000003</v>
      </c>
      <c r="G747" s="10">
        <v>35.59975</v>
      </c>
    </row>
    <row r="748" spans="1:7" x14ac:dyDescent="0.25">
      <c r="A748" s="10">
        <v>307.5</v>
      </c>
      <c r="B748" s="10">
        <v>47.497999999999998</v>
      </c>
      <c r="C748" s="10">
        <v>45.368499999999997</v>
      </c>
      <c r="D748" s="10">
        <v>43.119750000000003</v>
      </c>
      <c r="E748" s="10">
        <v>41.808750000000003</v>
      </c>
      <c r="F748" s="10">
        <v>36.483499999999999</v>
      </c>
      <c r="G748" s="10">
        <v>35.566249999999997</v>
      </c>
    </row>
    <row r="749" spans="1:7" x14ac:dyDescent="0.25">
      <c r="A749" s="10">
        <v>308</v>
      </c>
      <c r="B749" s="10">
        <v>47.405500000000004</v>
      </c>
      <c r="C749" s="10">
        <v>45.296750000000003</v>
      </c>
      <c r="D749" s="10">
        <v>43.039250000000003</v>
      </c>
      <c r="E749" s="10">
        <v>41.777749999999997</v>
      </c>
      <c r="F749" s="10">
        <v>36.40775</v>
      </c>
      <c r="G749" s="10">
        <v>35.541249999999998</v>
      </c>
    </row>
    <row r="750" spans="1:7" x14ac:dyDescent="0.25">
      <c r="A750" s="10">
        <v>308.5</v>
      </c>
      <c r="B750" s="10">
        <v>47.327249999999999</v>
      </c>
      <c r="C750" s="10">
        <v>45.277999999999999</v>
      </c>
      <c r="D750" s="10">
        <v>43.014000000000003</v>
      </c>
      <c r="E750" s="10">
        <v>41.730499999999999</v>
      </c>
      <c r="F750" s="10">
        <v>36.36</v>
      </c>
      <c r="G750" s="10">
        <v>35.497999999999998</v>
      </c>
    </row>
    <row r="751" spans="1:7" x14ac:dyDescent="0.25">
      <c r="A751" s="10">
        <v>309</v>
      </c>
      <c r="B751" s="10">
        <v>47.27975</v>
      </c>
      <c r="C751" s="10">
        <v>45.209000000000003</v>
      </c>
      <c r="D751" s="10">
        <v>42.930750000000003</v>
      </c>
      <c r="E751" s="10">
        <v>41.677</v>
      </c>
      <c r="F751" s="10">
        <v>36.271749999999997</v>
      </c>
      <c r="G751" s="10">
        <v>35.5</v>
      </c>
    </row>
    <row r="752" spans="1:7" x14ac:dyDescent="0.25">
      <c r="A752" s="10">
        <v>309.5</v>
      </c>
      <c r="B752" s="10">
        <v>47.195999999999998</v>
      </c>
      <c r="C752" s="10">
        <v>45.131500000000003</v>
      </c>
      <c r="D752" s="10">
        <v>42.912500000000001</v>
      </c>
      <c r="E752" s="10">
        <v>41.631749999999997</v>
      </c>
      <c r="F752" s="10">
        <v>36.239750000000001</v>
      </c>
      <c r="G752" s="10">
        <v>35.465000000000003</v>
      </c>
    </row>
    <row r="753" spans="1:7" x14ac:dyDescent="0.25">
      <c r="A753" s="10">
        <v>310</v>
      </c>
      <c r="B753" s="10">
        <v>47.134749999999997</v>
      </c>
      <c r="C753" s="10">
        <v>45.083500000000001</v>
      </c>
      <c r="D753" s="10">
        <v>42.832250000000002</v>
      </c>
      <c r="E753" s="10">
        <v>41.558999999999997</v>
      </c>
      <c r="F753" s="10">
        <v>36.20825</v>
      </c>
      <c r="G753" s="10">
        <v>35.414499999999997</v>
      </c>
    </row>
    <row r="754" spans="1:7" x14ac:dyDescent="0.25">
      <c r="A754" s="10">
        <v>310.5</v>
      </c>
      <c r="B754" s="10">
        <v>47.094499999999996</v>
      </c>
      <c r="C754" s="10">
        <v>45.014249999999997</v>
      </c>
      <c r="D754" s="10">
        <v>42.791249999999998</v>
      </c>
      <c r="E754" s="10">
        <v>41.553750000000001</v>
      </c>
      <c r="F754" s="10">
        <v>36.133749999999999</v>
      </c>
      <c r="G754" s="10">
        <v>35.396749999999997</v>
      </c>
    </row>
    <row r="755" spans="1:7" x14ac:dyDescent="0.25">
      <c r="A755" s="10">
        <v>311</v>
      </c>
      <c r="B755" s="10">
        <v>47.050249999999998</v>
      </c>
      <c r="C755" s="10">
        <v>44.984250000000003</v>
      </c>
      <c r="D755" s="10">
        <v>42.72625</v>
      </c>
      <c r="E755" s="10">
        <v>41.516249999999999</v>
      </c>
      <c r="F755" s="10">
        <v>36.103000000000002</v>
      </c>
      <c r="G755" s="10">
        <v>35.378749999999997</v>
      </c>
    </row>
    <row r="756" spans="1:7" x14ac:dyDescent="0.25">
      <c r="A756" s="10">
        <v>311.5</v>
      </c>
      <c r="B756" s="10">
        <v>46.971499999999999</v>
      </c>
      <c r="C756" s="10">
        <v>44.901249999999997</v>
      </c>
      <c r="D756" s="10">
        <v>42.6845</v>
      </c>
      <c r="E756" s="10">
        <v>41.423000000000002</v>
      </c>
      <c r="F756" s="10">
        <v>36.042999999999999</v>
      </c>
      <c r="G756" s="10">
        <v>35.345500000000001</v>
      </c>
    </row>
    <row r="757" spans="1:7" x14ac:dyDescent="0.25">
      <c r="A757" s="10">
        <v>312</v>
      </c>
      <c r="B757" s="10">
        <v>46.893749999999997</v>
      </c>
      <c r="C757" s="10">
        <v>44.853499999999997</v>
      </c>
      <c r="D757" s="10">
        <v>42.628</v>
      </c>
      <c r="E757" s="10">
        <v>41.391750000000002</v>
      </c>
      <c r="F757" s="10">
        <v>35.991999999999997</v>
      </c>
      <c r="G757" s="10">
        <v>35.310749999999999</v>
      </c>
    </row>
    <row r="758" spans="1:7" x14ac:dyDescent="0.25">
      <c r="A758" s="10">
        <v>312.5</v>
      </c>
      <c r="B758" s="10">
        <v>46.850499999999997</v>
      </c>
      <c r="C758" s="10">
        <v>44.78875</v>
      </c>
      <c r="D758" s="10">
        <v>42.597000000000001</v>
      </c>
      <c r="E758" s="10">
        <v>41.372</v>
      </c>
      <c r="F758" s="10">
        <v>35.913249999999998</v>
      </c>
      <c r="G758" s="10">
        <v>35.307250000000003</v>
      </c>
    </row>
    <row r="759" spans="1:7" x14ac:dyDescent="0.25">
      <c r="A759" s="10">
        <v>313</v>
      </c>
      <c r="B759" s="10">
        <v>46.791499999999999</v>
      </c>
      <c r="C759" s="10">
        <v>44.752249999999997</v>
      </c>
      <c r="D759" s="10">
        <v>42.531999999999996</v>
      </c>
      <c r="E759" s="10">
        <v>41.3065</v>
      </c>
      <c r="F759" s="10">
        <v>35.883749999999999</v>
      </c>
      <c r="G759" s="10">
        <v>35.261499999999998</v>
      </c>
    </row>
    <row r="760" spans="1:7" x14ac:dyDescent="0.25">
      <c r="A760" s="10">
        <v>313.5</v>
      </c>
      <c r="B760" s="10">
        <v>46.7425</v>
      </c>
      <c r="C760" s="10">
        <v>44.707000000000001</v>
      </c>
      <c r="D760" s="10">
        <v>42.508749999999999</v>
      </c>
      <c r="E760" s="10">
        <v>41.287500000000001</v>
      </c>
      <c r="F760" s="10">
        <v>35.843499999999999</v>
      </c>
      <c r="G760" s="10">
        <v>35.256</v>
      </c>
    </row>
    <row r="761" spans="1:7" x14ac:dyDescent="0.25">
      <c r="A761" s="10">
        <v>314</v>
      </c>
      <c r="B761" s="10">
        <v>46.666249999999998</v>
      </c>
      <c r="C761" s="10">
        <v>44.641500000000001</v>
      </c>
      <c r="D761" s="10">
        <v>42.422249999999998</v>
      </c>
      <c r="E761" s="10">
        <v>41.213000000000001</v>
      </c>
      <c r="F761" s="10">
        <v>35.805500000000002</v>
      </c>
      <c r="G761" s="10">
        <v>35.21125</v>
      </c>
    </row>
    <row r="762" spans="1:7" x14ac:dyDescent="0.25">
      <c r="A762" s="10">
        <v>314.5</v>
      </c>
      <c r="B762" s="10">
        <v>46.614750000000001</v>
      </c>
      <c r="C762" s="10">
        <v>44.588500000000003</v>
      </c>
      <c r="D762" s="10">
        <v>42.38</v>
      </c>
      <c r="E762" s="10">
        <v>41.161749999999998</v>
      </c>
      <c r="F762" s="10">
        <v>35.783000000000001</v>
      </c>
      <c r="G762" s="10">
        <v>35.182000000000002</v>
      </c>
    </row>
    <row r="763" spans="1:7" x14ac:dyDescent="0.25">
      <c r="A763" s="10">
        <v>315</v>
      </c>
      <c r="B763" s="10">
        <v>46.538249999999998</v>
      </c>
      <c r="C763" s="10">
        <v>44.512500000000003</v>
      </c>
      <c r="D763" s="10">
        <v>42.332250000000002</v>
      </c>
      <c r="E763" s="10">
        <v>41.130249999999997</v>
      </c>
      <c r="F763" s="10">
        <v>35.734250000000003</v>
      </c>
      <c r="G763" s="10">
        <v>35.170999999999999</v>
      </c>
    </row>
    <row r="764" spans="1:7" x14ac:dyDescent="0.25">
      <c r="A764" s="10">
        <v>315.5</v>
      </c>
      <c r="B764" s="10">
        <v>46.4985</v>
      </c>
      <c r="C764" s="10">
        <v>44.472250000000003</v>
      </c>
      <c r="D764" s="10">
        <v>42.290999999999997</v>
      </c>
      <c r="E764" s="10">
        <v>41.08475</v>
      </c>
      <c r="F764" s="10">
        <v>35.693750000000001</v>
      </c>
      <c r="G764" s="10">
        <v>35.128250000000001</v>
      </c>
    </row>
    <row r="765" spans="1:7" x14ac:dyDescent="0.25">
      <c r="A765" s="10">
        <v>316</v>
      </c>
      <c r="B765" s="10">
        <v>46.419750000000001</v>
      </c>
      <c r="C765" s="10">
        <v>44.430999999999997</v>
      </c>
      <c r="D765" s="10">
        <v>42.22175</v>
      </c>
      <c r="E765" s="10">
        <v>41.03875</v>
      </c>
      <c r="F765" s="10">
        <v>35.861750000000001</v>
      </c>
      <c r="G765" s="10">
        <v>35.101500000000001</v>
      </c>
    </row>
    <row r="766" spans="1:7" x14ac:dyDescent="0.25">
      <c r="A766" s="10">
        <v>316.5</v>
      </c>
      <c r="B766" s="10">
        <v>46.3645</v>
      </c>
      <c r="C766" s="10">
        <v>44.366999999999997</v>
      </c>
      <c r="D766" s="10">
        <v>42.164749999999998</v>
      </c>
      <c r="E766" s="10">
        <v>41.014249999999997</v>
      </c>
      <c r="F766" s="10">
        <v>35.857500000000002</v>
      </c>
      <c r="G766" s="10">
        <v>35.069000000000003</v>
      </c>
    </row>
    <row r="767" spans="1:7" x14ac:dyDescent="0.25">
      <c r="A767" s="10">
        <v>317</v>
      </c>
      <c r="B767" s="10">
        <v>46.310499999999998</v>
      </c>
      <c r="C767" s="10">
        <v>44.33</v>
      </c>
      <c r="D767" s="10">
        <v>42.137999999999998</v>
      </c>
      <c r="E767" s="10">
        <v>40.942749999999997</v>
      </c>
      <c r="F767" s="10">
        <v>35.783000000000001</v>
      </c>
      <c r="G767" s="10">
        <v>35.054250000000003</v>
      </c>
    </row>
    <row r="768" spans="1:7" x14ac:dyDescent="0.25">
      <c r="A768" s="10">
        <v>317.5</v>
      </c>
      <c r="B768" s="10">
        <v>46.246000000000002</v>
      </c>
      <c r="C768" s="10">
        <v>44.262500000000003</v>
      </c>
      <c r="D768" s="10">
        <v>42.090499999999999</v>
      </c>
      <c r="E768" s="10">
        <v>40.905749999999998</v>
      </c>
      <c r="F768" s="10">
        <v>35.921250000000001</v>
      </c>
      <c r="G768" s="10">
        <v>35.012999999999998</v>
      </c>
    </row>
    <row r="769" spans="1:7" x14ac:dyDescent="0.25">
      <c r="A769" s="10">
        <v>318</v>
      </c>
      <c r="B769" s="10">
        <v>46.1815</v>
      </c>
      <c r="C769" s="10">
        <v>44.196249999999999</v>
      </c>
      <c r="D769" s="10">
        <v>42.031999999999996</v>
      </c>
      <c r="E769" s="10">
        <v>40.877749999999999</v>
      </c>
      <c r="F769" s="10">
        <v>36.009500000000003</v>
      </c>
      <c r="G769" s="10">
        <v>34.975749999999998</v>
      </c>
    </row>
    <row r="770" spans="1:7" x14ac:dyDescent="0.25">
      <c r="A770" s="10">
        <v>318.5</v>
      </c>
      <c r="B770" s="10">
        <v>46.110999999999997</v>
      </c>
      <c r="C770" s="10">
        <v>44.148000000000003</v>
      </c>
      <c r="D770" s="10">
        <v>41.953499999999998</v>
      </c>
      <c r="E770" s="10">
        <v>40.802</v>
      </c>
      <c r="F770" s="10">
        <v>35.66525</v>
      </c>
      <c r="G770" s="10">
        <v>34.965000000000003</v>
      </c>
    </row>
    <row r="771" spans="1:7" x14ac:dyDescent="0.25">
      <c r="A771" s="10">
        <v>319</v>
      </c>
      <c r="B771" s="10">
        <v>46.091500000000003</v>
      </c>
      <c r="C771" s="10">
        <v>44.106250000000003</v>
      </c>
      <c r="D771" s="10">
        <v>41.9285</v>
      </c>
      <c r="E771" s="10">
        <v>40.801000000000002</v>
      </c>
      <c r="F771" s="10">
        <v>35.479999999999997</v>
      </c>
      <c r="G771" s="10">
        <v>34.952500000000001</v>
      </c>
    </row>
    <row r="772" spans="1:7" x14ac:dyDescent="0.25">
      <c r="A772" s="10">
        <v>319.5</v>
      </c>
      <c r="B772" s="10">
        <v>46.02075</v>
      </c>
      <c r="C772" s="10">
        <v>44.033749999999998</v>
      </c>
      <c r="D772" s="10">
        <v>41.890250000000002</v>
      </c>
      <c r="E772" s="10">
        <v>40.728749999999998</v>
      </c>
      <c r="F772" s="10">
        <v>35.457000000000001</v>
      </c>
      <c r="G772" s="10">
        <v>34.908000000000001</v>
      </c>
    </row>
    <row r="773" spans="1:7" x14ac:dyDescent="0.25">
      <c r="A773" s="10">
        <v>320</v>
      </c>
      <c r="B773" s="10">
        <v>45.960250000000002</v>
      </c>
      <c r="C773" s="10">
        <v>43.997</v>
      </c>
      <c r="D773" s="10">
        <v>41.853999999999999</v>
      </c>
      <c r="E773" s="10">
        <v>40.713000000000001</v>
      </c>
      <c r="F773" s="10">
        <v>35.33325</v>
      </c>
      <c r="G773" s="10">
        <v>34.89725</v>
      </c>
    </row>
    <row r="774" spans="1:7" x14ac:dyDescent="0.25">
      <c r="A774" s="10">
        <v>320.5</v>
      </c>
      <c r="B774" s="10">
        <v>45.893500000000003</v>
      </c>
      <c r="C774" s="10">
        <v>43.933999999999997</v>
      </c>
      <c r="D774" s="10">
        <v>41.779499999999999</v>
      </c>
      <c r="E774" s="10">
        <v>40.643749999999997</v>
      </c>
      <c r="F774" s="10">
        <v>35.241500000000002</v>
      </c>
      <c r="G774" s="10">
        <v>34.874499999999998</v>
      </c>
    </row>
    <row r="775" spans="1:7" x14ac:dyDescent="0.25">
      <c r="A775" s="10">
        <v>321</v>
      </c>
      <c r="B775" s="10">
        <v>45.860999999999997</v>
      </c>
      <c r="C775" s="10">
        <v>43.886499999999998</v>
      </c>
      <c r="D775" s="10">
        <v>41.741500000000002</v>
      </c>
      <c r="E775" s="10">
        <v>40.608249999999998</v>
      </c>
      <c r="F775" s="10">
        <v>35.265000000000001</v>
      </c>
      <c r="G775" s="10">
        <v>34.844999999999999</v>
      </c>
    </row>
    <row r="776" spans="1:7" x14ac:dyDescent="0.25">
      <c r="A776" s="10">
        <v>321.5</v>
      </c>
      <c r="B776" s="10">
        <v>45.788499999999999</v>
      </c>
      <c r="C776" s="10">
        <v>43.844999999999999</v>
      </c>
      <c r="D776" s="10">
        <v>41.703499999999998</v>
      </c>
      <c r="E776" s="10">
        <v>40.555250000000001</v>
      </c>
      <c r="F776" s="10">
        <v>35.206499999999998</v>
      </c>
      <c r="G776" s="10">
        <v>34.826749999999997</v>
      </c>
    </row>
    <row r="777" spans="1:7" x14ac:dyDescent="0.25">
      <c r="A777" s="10">
        <v>322</v>
      </c>
      <c r="B777" s="10">
        <v>45.758749999999999</v>
      </c>
      <c r="C777" s="10">
        <v>43.786499999999997</v>
      </c>
      <c r="D777" s="10">
        <v>41.660499999999999</v>
      </c>
      <c r="E777" s="10">
        <v>40.530500000000004</v>
      </c>
      <c r="F777" s="10">
        <v>35.15475</v>
      </c>
      <c r="G777" s="10">
        <v>34.816000000000003</v>
      </c>
    </row>
    <row r="778" spans="1:7" x14ac:dyDescent="0.25">
      <c r="A778" s="10">
        <v>322.5</v>
      </c>
      <c r="B778" s="10">
        <v>45.686999999999998</v>
      </c>
      <c r="C778" s="10">
        <v>43.709000000000003</v>
      </c>
      <c r="D778" s="10">
        <v>41.60575</v>
      </c>
      <c r="E778" s="10">
        <v>40.483499999999999</v>
      </c>
      <c r="F778" s="10">
        <v>35.1235</v>
      </c>
      <c r="G778" s="10">
        <v>34.751750000000001</v>
      </c>
    </row>
    <row r="779" spans="1:7" x14ac:dyDescent="0.25">
      <c r="A779" s="10">
        <v>323</v>
      </c>
      <c r="B779" s="10">
        <v>45.624749999999999</v>
      </c>
      <c r="C779" s="10">
        <v>43.661499999999997</v>
      </c>
      <c r="D779" s="10">
        <v>41.557499999999997</v>
      </c>
      <c r="E779" s="10">
        <v>40.443750000000001</v>
      </c>
      <c r="F779" s="10">
        <v>35.066749999999999</v>
      </c>
      <c r="G779" s="10">
        <v>34.744</v>
      </c>
    </row>
    <row r="780" spans="1:7" x14ac:dyDescent="0.25">
      <c r="A780" s="10">
        <v>323.5</v>
      </c>
      <c r="B780" s="10">
        <v>45.575000000000003</v>
      </c>
      <c r="C780" s="10">
        <v>43.609250000000003</v>
      </c>
      <c r="D780" s="10">
        <v>41.506999999999998</v>
      </c>
      <c r="E780" s="10">
        <v>40.40925</v>
      </c>
      <c r="F780" s="10">
        <v>35.057499999999997</v>
      </c>
      <c r="G780" s="10">
        <v>34.715000000000003</v>
      </c>
    </row>
    <row r="781" spans="1:7" x14ac:dyDescent="0.25">
      <c r="A781" s="10">
        <v>324</v>
      </c>
      <c r="B781" s="10">
        <v>45.530500000000004</v>
      </c>
      <c r="C781" s="10">
        <v>43.58775</v>
      </c>
      <c r="D781" s="10">
        <v>41.441249999999997</v>
      </c>
      <c r="E781" s="10">
        <v>40.3675</v>
      </c>
      <c r="F781" s="10">
        <v>34.986499999999999</v>
      </c>
      <c r="G781" s="10">
        <v>34.69</v>
      </c>
    </row>
    <row r="782" spans="1:7" x14ac:dyDescent="0.25">
      <c r="A782" s="10">
        <v>324.5</v>
      </c>
      <c r="B782" s="10">
        <v>45.448250000000002</v>
      </c>
      <c r="C782" s="10">
        <v>43.524749999999997</v>
      </c>
      <c r="D782" s="10">
        <v>41.405500000000004</v>
      </c>
      <c r="E782" s="10">
        <v>40.3125</v>
      </c>
      <c r="F782" s="10">
        <v>34.99</v>
      </c>
      <c r="G782" s="10">
        <v>34.669249999999998</v>
      </c>
    </row>
    <row r="783" spans="1:7" x14ac:dyDescent="0.25">
      <c r="A783" s="10">
        <v>325</v>
      </c>
      <c r="B783" s="10">
        <v>45.411499999999997</v>
      </c>
      <c r="C783" s="10">
        <v>43.452750000000002</v>
      </c>
      <c r="D783" s="10">
        <v>41.358750000000001</v>
      </c>
      <c r="E783" s="10">
        <v>40.292250000000003</v>
      </c>
      <c r="F783" s="10">
        <v>34.968000000000004</v>
      </c>
      <c r="G783" s="10">
        <v>34.646500000000003</v>
      </c>
    </row>
    <row r="784" spans="1:7" x14ac:dyDescent="0.25">
      <c r="A784" s="10">
        <v>325.5</v>
      </c>
      <c r="B784" s="10">
        <v>45.359749999999998</v>
      </c>
      <c r="C784" s="10">
        <v>43.398249999999997</v>
      </c>
      <c r="D784" s="10">
        <v>41.305500000000002</v>
      </c>
      <c r="E784" s="10">
        <v>40.236499999999999</v>
      </c>
      <c r="F784" s="10">
        <v>34.929000000000002</v>
      </c>
      <c r="G784" s="10">
        <v>34.576000000000001</v>
      </c>
    </row>
    <row r="785" spans="1:7" x14ac:dyDescent="0.25">
      <c r="A785" s="10">
        <v>326</v>
      </c>
      <c r="B785" s="10">
        <v>45.301749999999998</v>
      </c>
      <c r="C785" s="10">
        <v>43.368250000000003</v>
      </c>
      <c r="D785" s="10">
        <v>41.249499999999998</v>
      </c>
      <c r="E785" s="10">
        <v>40.192749999999997</v>
      </c>
      <c r="F785" s="10">
        <v>34.901499999999999</v>
      </c>
      <c r="G785" s="10">
        <v>34.610500000000002</v>
      </c>
    </row>
    <row r="786" spans="1:7" x14ac:dyDescent="0.25">
      <c r="A786" s="10">
        <v>326.5</v>
      </c>
      <c r="B786" s="10">
        <v>45.211750000000002</v>
      </c>
      <c r="C786" s="10">
        <v>43.298749999999998</v>
      </c>
      <c r="D786" s="10">
        <v>41.23</v>
      </c>
      <c r="E786" s="10">
        <v>40.169750000000001</v>
      </c>
      <c r="F786" s="10">
        <v>34.89875</v>
      </c>
      <c r="G786" s="10">
        <v>34.578000000000003</v>
      </c>
    </row>
    <row r="787" spans="1:7" x14ac:dyDescent="0.25">
      <c r="A787" s="10">
        <v>327</v>
      </c>
      <c r="B787" s="10">
        <v>45.193750000000001</v>
      </c>
      <c r="C787" s="10">
        <v>43.253999999999998</v>
      </c>
      <c r="D787" s="10">
        <v>41.171500000000002</v>
      </c>
      <c r="E787" s="10">
        <v>40.09825</v>
      </c>
      <c r="F787" s="10">
        <v>34.855249999999998</v>
      </c>
      <c r="G787" s="10">
        <v>34.550750000000001</v>
      </c>
    </row>
    <row r="788" spans="1:7" x14ac:dyDescent="0.25">
      <c r="A788" s="10">
        <v>327.5</v>
      </c>
      <c r="B788" s="10">
        <v>45.121499999999997</v>
      </c>
      <c r="C788" s="10">
        <v>43.204500000000003</v>
      </c>
      <c r="D788" s="10">
        <v>41.107500000000002</v>
      </c>
      <c r="E788" s="10">
        <v>40.061</v>
      </c>
      <c r="F788" s="10">
        <v>34.77075</v>
      </c>
      <c r="G788" s="10">
        <v>34.509</v>
      </c>
    </row>
    <row r="789" spans="1:7" x14ac:dyDescent="0.25">
      <c r="A789" s="10">
        <v>328</v>
      </c>
      <c r="B789" s="10">
        <v>45.076000000000001</v>
      </c>
      <c r="C789" s="10">
        <v>43.167250000000003</v>
      </c>
      <c r="D789" s="10">
        <v>41.0715</v>
      </c>
      <c r="E789" s="10">
        <v>40.036999999999999</v>
      </c>
      <c r="F789" s="10">
        <v>34.743250000000003</v>
      </c>
      <c r="G789" s="10">
        <v>34.49</v>
      </c>
    </row>
    <row r="790" spans="1:7" x14ac:dyDescent="0.25">
      <c r="A790" s="10">
        <v>328.5</v>
      </c>
      <c r="B790" s="10">
        <v>45.026249999999997</v>
      </c>
      <c r="C790" s="10">
        <v>43.102499999999999</v>
      </c>
      <c r="D790" s="10">
        <v>41.051000000000002</v>
      </c>
      <c r="E790" s="10">
        <v>39.9895</v>
      </c>
      <c r="F790" s="10">
        <v>34.800750000000001</v>
      </c>
      <c r="G790" s="10">
        <v>34.46875</v>
      </c>
    </row>
    <row r="791" spans="1:7" x14ac:dyDescent="0.25">
      <c r="A791" s="10">
        <v>329</v>
      </c>
      <c r="B791" s="10">
        <v>44.966500000000003</v>
      </c>
      <c r="C791" s="10">
        <v>43.055750000000003</v>
      </c>
      <c r="D791" s="10">
        <v>40.97475</v>
      </c>
      <c r="E791" s="10">
        <v>39.954500000000003</v>
      </c>
      <c r="F791" s="10">
        <v>34.802750000000003</v>
      </c>
      <c r="G791" s="10">
        <v>34.448250000000002</v>
      </c>
    </row>
    <row r="792" spans="1:7" x14ac:dyDescent="0.25">
      <c r="A792" s="10">
        <v>329.5</v>
      </c>
      <c r="B792" s="10">
        <v>44.90775</v>
      </c>
      <c r="C792" s="10">
        <v>43.000999999999998</v>
      </c>
      <c r="D792" s="10">
        <v>40.9375</v>
      </c>
      <c r="E792" s="10">
        <v>39.889499999999998</v>
      </c>
      <c r="F792" s="10">
        <v>34.772750000000002</v>
      </c>
      <c r="G792" s="10">
        <v>34.431750000000001</v>
      </c>
    </row>
    <row r="793" spans="1:7" x14ac:dyDescent="0.25">
      <c r="A793" s="10">
        <v>330</v>
      </c>
      <c r="B793" s="10">
        <v>44.872500000000002</v>
      </c>
      <c r="C793" s="10">
        <v>42.979750000000003</v>
      </c>
      <c r="D793" s="10">
        <v>40.888500000000001</v>
      </c>
      <c r="E793" s="10">
        <v>39.854500000000002</v>
      </c>
      <c r="F793" s="10">
        <v>34.723750000000003</v>
      </c>
      <c r="G793" s="10">
        <v>34.382249999999999</v>
      </c>
    </row>
    <row r="794" spans="1:7" x14ac:dyDescent="0.25">
      <c r="A794" s="10">
        <v>330.5</v>
      </c>
      <c r="B794" s="10">
        <v>44.796750000000003</v>
      </c>
      <c r="C794" s="10">
        <v>42.905500000000004</v>
      </c>
      <c r="D794" s="10">
        <v>40.837249999999997</v>
      </c>
      <c r="E794" s="10">
        <v>39.824750000000002</v>
      </c>
      <c r="F794" s="10">
        <v>34.707999999999998</v>
      </c>
      <c r="G794" s="10">
        <v>34.357500000000002</v>
      </c>
    </row>
    <row r="795" spans="1:7" x14ac:dyDescent="0.25">
      <c r="A795" s="10">
        <v>331</v>
      </c>
      <c r="B795" s="10">
        <v>44.739249999999998</v>
      </c>
      <c r="C795" s="10">
        <v>42.856000000000002</v>
      </c>
      <c r="D795" s="10">
        <v>40.798999999999999</v>
      </c>
      <c r="E795" s="10">
        <v>39.793500000000002</v>
      </c>
      <c r="F795" s="10">
        <v>34.654499999999999</v>
      </c>
      <c r="G795" s="10">
        <v>34.348500000000001</v>
      </c>
    </row>
    <row r="796" spans="1:7" x14ac:dyDescent="0.25">
      <c r="A796" s="10">
        <v>331.5</v>
      </c>
      <c r="B796" s="10">
        <v>44.676250000000003</v>
      </c>
      <c r="C796" s="10">
        <v>42.8245</v>
      </c>
      <c r="D796" s="10">
        <v>40.752499999999998</v>
      </c>
      <c r="E796" s="10">
        <v>39.761000000000003</v>
      </c>
      <c r="F796" s="10">
        <v>34.629750000000001</v>
      </c>
      <c r="G796" s="10">
        <v>34.310749999999999</v>
      </c>
    </row>
    <row r="797" spans="1:7" x14ac:dyDescent="0.25">
      <c r="A797" s="10">
        <v>332</v>
      </c>
      <c r="B797" s="10">
        <v>44.648000000000003</v>
      </c>
      <c r="C797" s="10">
        <v>42.758249999999997</v>
      </c>
      <c r="D797" s="10">
        <v>40.731749999999998</v>
      </c>
      <c r="E797" s="10">
        <v>39.722999999999999</v>
      </c>
      <c r="F797" s="10">
        <v>34.617750000000001</v>
      </c>
      <c r="G797" s="10">
        <v>34.279249999999998</v>
      </c>
    </row>
    <row r="798" spans="1:7" x14ac:dyDescent="0.25">
      <c r="A798" s="10">
        <v>332.5</v>
      </c>
      <c r="B798" s="10">
        <v>44.589500000000001</v>
      </c>
      <c r="C798" s="10">
        <v>42.712499999999999</v>
      </c>
      <c r="D798" s="10">
        <v>40.667999999999999</v>
      </c>
      <c r="E798" s="10">
        <v>39.676250000000003</v>
      </c>
      <c r="F798" s="10">
        <v>34.590249999999997</v>
      </c>
      <c r="G798" s="10">
        <v>34.249499999999998</v>
      </c>
    </row>
    <row r="799" spans="1:7" x14ac:dyDescent="0.25">
      <c r="A799" s="10">
        <v>333</v>
      </c>
      <c r="B799" s="10">
        <v>44.521749999999997</v>
      </c>
      <c r="C799" s="10">
        <v>42.649500000000003</v>
      </c>
      <c r="D799" s="10">
        <v>40.637749999999997</v>
      </c>
      <c r="E799" s="10">
        <v>39.606999999999999</v>
      </c>
      <c r="F799" s="10">
        <v>34.703499999999998</v>
      </c>
      <c r="G799" s="10">
        <v>34.238999999999997</v>
      </c>
    </row>
    <row r="800" spans="1:7" x14ac:dyDescent="0.25">
      <c r="A800" s="10">
        <v>333.5</v>
      </c>
      <c r="B800" s="10">
        <v>44.486249999999998</v>
      </c>
      <c r="C800" s="10">
        <v>42.642749999999999</v>
      </c>
      <c r="D800" s="10">
        <v>40.570250000000001</v>
      </c>
      <c r="E800" s="10">
        <v>39.579749999999997</v>
      </c>
      <c r="F800" s="10">
        <v>34.859499999999997</v>
      </c>
      <c r="G800" s="10">
        <v>34.206000000000003</v>
      </c>
    </row>
    <row r="801" spans="1:7" x14ac:dyDescent="0.25">
      <c r="A801" s="10">
        <v>334</v>
      </c>
      <c r="B801" s="10">
        <v>44.417000000000002</v>
      </c>
      <c r="C801" s="10">
        <v>42.578249999999997</v>
      </c>
      <c r="D801" s="10">
        <v>40.538499999999999</v>
      </c>
      <c r="E801" s="10">
        <v>39.53125</v>
      </c>
      <c r="F801" s="10">
        <v>35.024000000000001</v>
      </c>
      <c r="G801" s="10">
        <v>34.166499999999999</v>
      </c>
    </row>
    <row r="802" spans="1:7" x14ac:dyDescent="0.25">
      <c r="A802" s="10">
        <v>334.5</v>
      </c>
      <c r="B802" s="10">
        <v>44.372</v>
      </c>
      <c r="C802" s="10">
        <v>42.51</v>
      </c>
      <c r="D802" s="10">
        <v>40.491500000000002</v>
      </c>
      <c r="E802" s="10">
        <v>39.505000000000003</v>
      </c>
      <c r="F802" s="10">
        <v>34.744</v>
      </c>
      <c r="G802" s="10">
        <v>34.15025</v>
      </c>
    </row>
    <row r="803" spans="1:7" x14ac:dyDescent="0.25">
      <c r="A803" s="10">
        <v>335</v>
      </c>
      <c r="B803" s="10">
        <v>44.320999999999998</v>
      </c>
      <c r="C803" s="10">
        <v>42.479500000000002</v>
      </c>
      <c r="D803" s="10">
        <v>40.447249999999997</v>
      </c>
      <c r="E803" s="10">
        <v>39.462000000000003</v>
      </c>
      <c r="F803" s="10">
        <v>34.495249999999999</v>
      </c>
      <c r="G803" s="10">
        <v>34.1295</v>
      </c>
    </row>
    <row r="804" spans="1:7" x14ac:dyDescent="0.25">
      <c r="A804" s="10">
        <v>335.5</v>
      </c>
      <c r="B804" s="10">
        <v>44.28875</v>
      </c>
      <c r="C804" s="10">
        <v>42.425249999999998</v>
      </c>
      <c r="D804" s="10">
        <v>40.393749999999997</v>
      </c>
      <c r="E804" s="10">
        <v>39.420250000000003</v>
      </c>
      <c r="F804" s="10">
        <v>34.561750000000004</v>
      </c>
      <c r="G804" s="10">
        <v>34.133499999999998</v>
      </c>
    </row>
    <row r="805" spans="1:7" x14ac:dyDescent="0.25">
      <c r="A805" s="10">
        <v>336</v>
      </c>
      <c r="B805" s="10">
        <v>44.213999999999999</v>
      </c>
      <c r="C805" s="10">
        <v>42.408999999999999</v>
      </c>
      <c r="D805" s="10">
        <v>40.369500000000002</v>
      </c>
      <c r="E805" s="10">
        <v>39.377000000000002</v>
      </c>
      <c r="F805" s="10">
        <v>34.4</v>
      </c>
      <c r="G805" s="10">
        <v>34.101500000000001</v>
      </c>
    </row>
    <row r="806" spans="1:7" x14ac:dyDescent="0.25">
      <c r="A806" s="10">
        <v>336.5</v>
      </c>
      <c r="B806" s="10">
        <v>44.179749999999999</v>
      </c>
      <c r="C806" s="10">
        <v>42.330500000000001</v>
      </c>
      <c r="D806" s="10">
        <v>40.305500000000002</v>
      </c>
      <c r="E806" s="10">
        <v>39.351999999999997</v>
      </c>
      <c r="F806" s="10">
        <v>34.330249999999999</v>
      </c>
      <c r="G806" s="10">
        <v>34.08775</v>
      </c>
    </row>
    <row r="807" spans="1:7" x14ac:dyDescent="0.25">
      <c r="A807" s="10">
        <v>337</v>
      </c>
      <c r="B807" s="10">
        <v>44.100250000000003</v>
      </c>
      <c r="C807" s="10">
        <v>42.28725</v>
      </c>
      <c r="D807" s="10">
        <v>40.274749999999997</v>
      </c>
      <c r="E807" s="10">
        <v>39.283499999999997</v>
      </c>
      <c r="F807" s="10">
        <v>34.110250000000001</v>
      </c>
      <c r="G807" s="10">
        <v>34.04</v>
      </c>
    </row>
    <row r="808" spans="1:7" x14ac:dyDescent="0.25">
      <c r="A808" s="10">
        <v>337.5</v>
      </c>
      <c r="B808" s="10">
        <v>44.048000000000002</v>
      </c>
      <c r="C808" s="10">
        <v>42.235500000000002</v>
      </c>
      <c r="D808" s="10">
        <v>40.215249999999997</v>
      </c>
      <c r="E808" s="10">
        <v>39.281500000000001</v>
      </c>
      <c r="F808" s="10">
        <v>33.948250000000002</v>
      </c>
      <c r="G808" s="10">
        <v>34.021500000000003</v>
      </c>
    </row>
    <row r="809" spans="1:7" x14ac:dyDescent="0.25">
      <c r="A809" s="10">
        <v>338</v>
      </c>
      <c r="B809" s="10">
        <v>44.011749999999999</v>
      </c>
      <c r="C809" s="10">
        <v>42.186999999999998</v>
      </c>
      <c r="D809" s="10">
        <v>40.183</v>
      </c>
      <c r="E809" s="10">
        <v>39.234749999999998</v>
      </c>
      <c r="F809" s="10">
        <v>33.850499999999997</v>
      </c>
      <c r="G809" s="10">
        <v>33.997</v>
      </c>
    </row>
    <row r="810" spans="1:7" x14ac:dyDescent="0.25">
      <c r="A810" s="10">
        <v>338.5</v>
      </c>
      <c r="B810" s="10">
        <v>43.984749999999998</v>
      </c>
      <c r="C810" s="10">
        <v>42.138249999999999</v>
      </c>
      <c r="D810" s="10">
        <v>40.150500000000001</v>
      </c>
      <c r="E810" s="10">
        <v>39.198999999999998</v>
      </c>
      <c r="F810" s="10">
        <v>33.768000000000001</v>
      </c>
      <c r="G810" s="10">
        <v>33.982750000000003</v>
      </c>
    </row>
    <row r="811" spans="1:7" x14ac:dyDescent="0.25">
      <c r="A811" s="10">
        <v>339</v>
      </c>
      <c r="B811" s="10">
        <v>43.927999999999997</v>
      </c>
      <c r="C811" s="10">
        <v>42.097999999999999</v>
      </c>
      <c r="D811" s="10">
        <v>40.116</v>
      </c>
      <c r="E811" s="10">
        <v>39.146749999999997</v>
      </c>
      <c r="F811" s="10">
        <v>33.745249999999999</v>
      </c>
      <c r="G811" s="10">
        <v>33.96725</v>
      </c>
    </row>
    <row r="812" spans="1:7" x14ac:dyDescent="0.25">
      <c r="A812" s="10">
        <v>339.5</v>
      </c>
      <c r="B812" s="10">
        <v>43.855249999999998</v>
      </c>
      <c r="C812" s="10">
        <v>42.066000000000003</v>
      </c>
      <c r="D812" s="10">
        <v>40.066749999999999</v>
      </c>
      <c r="E812" s="10">
        <v>39.121250000000003</v>
      </c>
      <c r="F812" s="10">
        <v>33.722749999999998</v>
      </c>
      <c r="G812" s="10">
        <v>33.911749999999998</v>
      </c>
    </row>
    <row r="813" spans="1:7" x14ac:dyDescent="0.25">
      <c r="A813" s="10">
        <v>340</v>
      </c>
      <c r="B813" s="10">
        <v>43.815249999999999</v>
      </c>
      <c r="C813" s="10">
        <v>41.964500000000001</v>
      </c>
      <c r="D813" s="10">
        <v>40.001249999999999</v>
      </c>
      <c r="E813" s="10">
        <v>39.091000000000001</v>
      </c>
      <c r="F813" s="10">
        <v>33.677999999999997</v>
      </c>
      <c r="G813" s="10">
        <v>33.882750000000001</v>
      </c>
    </row>
    <row r="814" spans="1:7" x14ac:dyDescent="0.25">
      <c r="A814" s="10">
        <v>340.5</v>
      </c>
      <c r="B814" s="10">
        <v>43.755249999999997</v>
      </c>
      <c r="C814" s="10">
        <v>41.974249999999998</v>
      </c>
      <c r="D814" s="10">
        <v>39.987499999999997</v>
      </c>
      <c r="E814" s="10">
        <v>39.069000000000003</v>
      </c>
      <c r="F814" s="10">
        <v>33.658499999999997</v>
      </c>
      <c r="G814" s="10">
        <v>33.881999999999998</v>
      </c>
    </row>
    <row r="815" spans="1:7" x14ac:dyDescent="0.25">
      <c r="A815" s="10">
        <v>341</v>
      </c>
      <c r="B815" s="10">
        <v>43.724249999999998</v>
      </c>
      <c r="C815" s="10">
        <v>41.912500000000001</v>
      </c>
      <c r="D815" s="10">
        <v>39.915999999999997</v>
      </c>
      <c r="E815" s="10">
        <v>39.026000000000003</v>
      </c>
      <c r="F815" s="10">
        <v>33.643250000000002</v>
      </c>
      <c r="G815" s="10">
        <v>33.84675</v>
      </c>
    </row>
    <row r="816" spans="1:7" x14ac:dyDescent="0.25">
      <c r="A816" s="10">
        <v>341.5</v>
      </c>
      <c r="B816" s="10">
        <v>43.65625</v>
      </c>
      <c r="C816" s="10">
        <v>41.868499999999997</v>
      </c>
      <c r="D816" s="10">
        <v>39.880000000000003</v>
      </c>
      <c r="E816" s="10">
        <v>38.973999999999997</v>
      </c>
      <c r="F816" s="10">
        <v>33.573500000000003</v>
      </c>
      <c r="G816" s="10">
        <v>33.832000000000001</v>
      </c>
    </row>
    <row r="817" spans="1:7" x14ac:dyDescent="0.25">
      <c r="A817" s="10">
        <v>342</v>
      </c>
      <c r="B817" s="10">
        <v>43.6</v>
      </c>
      <c r="C817" s="10">
        <v>41.809249999999999</v>
      </c>
      <c r="D817" s="10">
        <v>39.852249999999998</v>
      </c>
      <c r="E817" s="10">
        <v>38.950249999999997</v>
      </c>
      <c r="F817" s="10">
        <v>33.530749999999998</v>
      </c>
      <c r="G817" s="10">
        <v>33.779499999999999</v>
      </c>
    </row>
    <row r="818" spans="1:7" x14ac:dyDescent="0.25">
      <c r="A818" s="10">
        <v>342.5</v>
      </c>
      <c r="B818" s="10">
        <v>43.567250000000001</v>
      </c>
      <c r="C818" s="10">
        <v>41.749499999999998</v>
      </c>
      <c r="D818" s="10">
        <v>39.805999999999997</v>
      </c>
      <c r="E818" s="10">
        <v>38.891500000000001</v>
      </c>
      <c r="F818" s="10">
        <v>33.52975</v>
      </c>
      <c r="G818" s="10">
        <v>33.787999999999997</v>
      </c>
    </row>
    <row r="819" spans="1:7" x14ac:dyDescent="0.25">
      <c r="A819" s="10">
        <v>343</v>
      </c>
      <c r="B819" s="10">
        <v>43.501249999999999</v>
      </c>
      <c r="C819" s="10">
        <v>41.737749999999998</v>
      </c>
      <c r="D819" s="10">
        <v>39.756999999999998</v>
      </c>
      <c r="E819" s="10">
        <v>38.858750000000001</v>
      </c>
      <c r="F819" s="10">
        <v>33.718499999999999</v>
      </c>
      <c r="G819" s="10">
        <v>33.77675</v>
      </c>
    </row>
    <row r="820" spans="1:7" x14ac:dyDescent="0.25">
      <c r="A820" s="10">
        <v>343.5</v>
      </c>
      <c r="B820" s="10">
        <v>43.484999999999999</v>
      </c>
      <c r="C820" s="10">
        <v>41.673749999999998</v>
      </c>
      <c r="D820" s="10">
        <v>39.729999999999997</v>
      </c>
      <c r="E820" s="10">
        <v>38.819000000000003</v>
      </c>
      <c r="F820" s="10">
        <v>33.750749999999996</v>
      </c>
      <c r="G820" s="10">
        <v>33.745249999999999</v>
      </c>
    </row>
    <row r="821" spans="1:7" x14ac:dyDescent="0.25">
      <c r="A821" s="10">
        <v>344</v>
      </c>
      <c r="B821" s="10">
        <v>43.431750000000001</v>
      </c>
      <c r="C821" s="10">
        <v>41.6235</v>
      </c>
      <c r="D821" s="10">
        <v>39.674250000000001</v>
      </c>
      <c r="E821" s="10">
        <v>38.788499999999999</v>
      </c>
      <c r="F821" s="10">
        <v>33.613750000000003</v>
      </c>
      <c r="G821" s="10">
        <v>33.695250000000001</v>
      </c>
    </row>
    <row r="822" spans="1:7" x14ac:dyDescent="0.25">
      <c r="A822" s="10">
        <v>344.5</v>
      </c>
      <c r="B822" s="10">
        <v>43.368749999999999</v>
      </c>
      <c r="C822" s="10">
        <v>41.564250000000001</v>
      </c>
      <c r="D822" s="10">
        <v>39.610250000000001</v>
      </c>
      <c r="E822" s="10">
        <v>38.758499999999998</v>
      </c>
      <c r="F822" s="10">
        <v>33.95675</v>
      </c>
      <c r="G822" s="10">
        <v>33.677999999999997</v>
      </c>
    </row>
    <row r="823" spans="1:7" x14ac:dyDescent="0.25">
      <c r="A823" s="10">
        <v>345</v>
      </c>
      <c r="B823" s="10">
        <v>43.305750000000003</v>
      </c>
      <c r="C823" s="10">
        <v>41.545999999999999</v>
      </c>
      <c r="D823" s="10">
        <v>39.592750000000002</v>
      </c>
      <c r="E823" s="10">
        <v>38.723750000000003</v>
      </c>
      <c r="F823" s="10">
        <v>33.948</v>
      </c>
      <c r="G823" s="10">
        <v>33.674250000000001</v>
      </c>
    </row>
    <row r="824" spans="1:7" x14ac:dyDescent="0.25">
      <c r="A824" s="10">
        <v>345.5</v>
      </c>
      <c r="B824" s="10">
        <v>43.250500000000002</v>
      </c>
      <c r="C824" s="10">
        <v>41.491750000000003</v>
      </c>
      <c r="D824" s="10">
        <v>39.563249999999996</v>
      </c>
      <c r="E824" s="10">
        <v>38.678750000000001</v>
      </c>
      <c r="F824" s="10">
        <v>34.078000000000003</v>
      </c>
      <c r="G824" s="10">
        <v>33.67</v>
      </c>
    </row>
    <row r="825" spans="1:7" x14ac:dyDescent="0.25">
      <c r="A825" s="10">
        <v>346</v>
      </c>
      <c r="B825" s="10">
        <v>43.1875</v>
      </c>
      <c r="C825" s="10">
        <v>41.45825</v>
      </c>
      <c r="D825" s="10">
        <v>39.500250000000001</v>
      </c>
      <c r="E825" s="10">
        <v>38.629750000000001</v>
      </c>
      <c r="F825" s="10">
        <v>34.032499999999999</v>
      </c>
      <c r="G825" s="10">
        <v>33.638500000000001</v>
      </c>
    </row>
    <row r="826" spans="1:7" x14ac:dyDescent="0.25">
      <c r="A826" s="10">
        <v>346.5</v>
      </c>
      <c r="B826" s="10">
        <v>43.170999999999999</v>
      </c>
      <c r="C826" s="10">
        <v>41.400500000000001</v>
      </c>
      <c r="D826" s="10">
        <v>39.46</v>
      </c>
      <c r="E826" s="10">
        <v>38.589750000000002</v>
      </c>
      <c r="F826" s="10">
        <v>34.020249999999997</v>
      </c>
      <c r="G826" s="10">
        <v>33.572749999999999</v>
      </c>
    </row>
    <row r="827" spans="1:7" x14ac:dyDescent="0.25">
      <c r="A827" s="10">
        <v>347</v>
      </c>
      <c r="B827" s="10">
        <v>43.107250000000001</v>
      </c>
      <c r="C827" s="10">
        <v>41.360500000000002</v>
      </c>
      <c r="D827" s="10">
        <v>39.435250000000003</v>
      </c>
      <c r="E827" s="10">
        <v>38.563000000000002</v>
      </c>
      <c r="F827" s="10">
        <v>33.988750000000003</v>
      </c>
      <c r="G827" s="10">
        <v>33.578749999999999</v>
      </c>
    </row>
    <row r="828" spans="1:7" x14ac:dyDescent="0.25">
      <c r="A828" s="10">
        <v>347.5</v>
      </c>
      <c r="B828" s="10">
        <v>43.049500000000002</v>
      </c>
      <c r="C828" s="10">
        <v>41.299500000000002</v>
      </c>
      <c r="D828" s="10">
        <v>39.384250000000002</v>
      </c>
      <c r="E828" s="10">
        <v>38.527500000000003</v>
      </c>
      <c r="F828" s="10">
        <v>33.964750000000002</v>
      </c>
      <c r="G828" s="10">
        <v>33.534999999999997</v>
      </c>
    </row>
    <row r="829" spans="1:7" x14ac:dyDescent="0.25">
      <c r="A829" s="10">
        <v>348</v>
      </c>
      <c r="B829" s="10">
        <v>43.015500000000003</v>
      </c>
      <c r="C829" s="10">
        <v>41.319499999999998</v>
      </c>
      <c r="D829" s="10">
        <v>39.323749999999997</v>
      </c>
      <c r="E829" s="10">
        <v>38.503</v>
      </c>
      <c r="F829" s="10">
        <v>33.920999999999999</v>
      </c>
      <c r="G829" s="10">
        <v>33.543750000000003</v>
      </c>
    </row>
    <row r="830" spans="1:7" x14ac:dyDescent="0.25">
      <c r="A830" s="10">
        <v>348.5</v>
      </c>
      <c r="B830" s="10">
        <v>42.980499999999999</v>
      </c>
      <c r="C830" s="10">
        <v>41.232999999999997</v>
      </c>
      <c r="D830" s="10">
        <v>39.284999999999997</v>
      </c>
      <c r="E830" s="10">
        <v>38.467500000000001</v>
      </c>
      <c r="F830" s="10">
        <v>33.91225</v>
      </c>
      <c r="G830" s="10">
        <v>33.515500000000003</v>
      </c>
    </row>
    <row r="831" spans="1:7" x14ac:dyDescent="0.25">
      <c r="A831" s="10">
        <v>349</v>
      </c>
      <c r="B831" s="10">
        <v>42.888500000000001</v>
      </c>
      <c r="C831" s="10">
        <v>41.172499999999999</v>
      </c>
      <c r="D831" s="10">
        <v>39.264749999999999</v>
      </c>
      <c r="E831" s="10">
        <v>38.436500000000002</v>
      </c>
      <c r="F831" s="10">
        <v>33.890500000000003</v>
      </c>
      <c r="G831" s="10">
        <v>33.46125</v>
      </c>
    </row>
    <row r="832" spans="1:7" x14ac:dyDescent="0.25">
      <c r="A832" s="10">
        <v>349.5</v>
      </c>
      <c r="B832" s="10">
        <v>42.853250000000003</v>
      </c>
      <c r="C832" s="10">
        <v>41.142749999999999</v>
      </c>
      <c r="D832" s="10">
        <v>39.229999999999997</v>
      </c>
      <c r="E832" s="10">
        <v>38.4</v>
      </c>
      <c r="F832" s="10">
        <v>33.838749999999997</v>
      </c>
      <c r="G832" s="10">
        <v>33.460749999999997</v>
      </c>
    </row>
    <row r="833" spans="1:7" x14ac:dyDescent="0.25">
      <c r="A833" s="10">
        <v>350</v>
      </c>
      <c r="B833" s="10">
        <v>42.828499999999998</v>
      </c>
      <c r="C833" s="10">
        <v>41.088749999999997</v>
      </c>
      <c r="D833" s="10">
        <v>39.185749999999999</v>
      </c>
      <c r="E833" s="10">
        <v>38.339750000000002</v>
      </c>
      <c r="F833" s="10">
        <v>33.846499999999999</v>
      </c>
      <c r="G833" s="10">
        <v>33.457749999999997</v>
      </c>
    </row>
    <row r="834" spans="1:7" x14ac:dyDescent="0.25">
      <c r="A834" s="10">
        <v>350.5</v>
      </c>
      <c r="B834" s="10">
        <v>42.771500000000003</v>
      </c>
      <c r="C834" s="10">
        <v>41.039250000000003</v>
      </c>
      <c r="D834" s="10">
        <v>39.158749999999998</v>
      </c>
      <c r="E834" s="10">
        <v>38.339750000000002</v>
      </c>
      <c r="F834" s="10">
        <v>33.792749999999998</v>
      </c>
      <c r="G834" s="10">
        <v>33.420499999999997</v>
      </c>
    </row>
    <row r="835" spans="1:7" x14ac:dyDescent="0.25">
      <c r="A835" s="10">
        <v>351</v>
      </c>
      <c r="B835" s="10">
        <v>42.730249999999998</v>
      </c>
      <c r="C835" s="10">
        <v>41.001750000000001</v>
      </c>
      <c r="D835" s="10">
        <v>39.125250000000001</v>
      </c>
      <c r="E835" s="10">
        <v>38.295250000000003</v>
      </c>
      <c r="F835" s="10">
        <v>33.770499999999998</v>
      </c>
      <c r="G835" s="10">
        <v>33.407499999999999</v>
      </c>
    </row>
    <row r="836" spans="1:7" x14ac:dyDescent="0.25">
      <c r="A836" s="10">
        <v>351.5</v>
      </c>
      <c r="B836" s="10">
        <v>42.674250000000001</v>
      </c>
      <c r="C836" s="10">
        <v>40.960250000000002</v>
      </c>
      <c r="D836" s="10">
        <v>39.059249999999999</v>
      </c>
      <c r="E836" s="10">
        <v>38.231999999999999</v>
      </c>
      <c r="F836" s="10">
        <v>33.747999999999998</v>
      </c>
      <c r="G836" s="10">
        <v>33.372750000000003</v>
      </c>
    </row>
    <row r="837" spans="1:7" x14ac:dyDescent="0.25">
      <c r="A837" s="10">
        <v>352</v>
      </c>
      <c r="B837" s="10">
        <v>42.646000000000001</v>
      </c>
      <c r="C837" s="10">
        <v>40.931249999999999</v>
      </c>
      <c r="D837" s="10">
        <v>39.012</v>
      </c>
      <c r="E837" s="10">
        <v>38.215249999999997</v>
      </c>
      <c r="F837" s="10">
        <v>33.704749999999997</v>
      </c>
      <c r="G837" s="10">
        <v>33.352499999999999</v>
      </c>
    </row>
    <row r="838" spans="1:7" x14ac:dyDescent="0.25">
      <c r="A838" s="10">
        <v>352.5</v>
      </c>
      <c r="B838" s="10">
        <v>42.583750000000002</v>
      </c>
      <c r="C838" s="10">
        <v>40.855249999999998</v>
      </c>
      <c r="D838" s="10">
        <v>38.993250000000003</v>
      </c>
      <c r="E838" s="10">
        <v>38.181249999999999</v>
      </c>
      <c r="F838" s="10">
        <v>33.698500000000003</v>
      </c>
      <c r="G838" s="10">
        <v>33.361499999999999</v>
      </c>
    </row>
    <row r="839" spans="1:7" x14ac:dyDescent="0.25">
      <c r="A839" s="10">
        <v>353</v>
      </c>
      <c r="B839" s="10">
        <v>42.518749999999997</v>
      </c>
      <c r="C839" s="10">
        <v>40.866500000000002</v>
      </c>
      <c r="D839" s="10">
        <v>38.948250000000002</v>
      </c>
      <c r="E839" s="10">
        <v>38.115749999999998</v>
      </c>
      <c r="F839" s="10">
        <v>33.657249999999998</v>
      </c>
      <c r="G839" s="10">
        <v>33.316000000000003</v>
      </c>
    </row>
    <row r="840" spans="1:7" x14ac:dyDescent="0.25">
      <c r="A840" s="10">
        <v>353.5</v>
      </c>
      <c r="B840" s="10">
        <v>42.502249999999997</v>
      </c>
      <c r="C840" s="10">
        <v>40.768000000000001</v>
      </c>
      <c r="D840" s="10">
        <v>38.929499999999997</v>
      </c>
      <c r="E840" s="10">
        <v>38.095750000000002</v>
      </c>
      <c r="F840" s="10">
        <v>33.639499999999998</v>
      </c>
      <c r="G840" s="10">
        <v>33.263750000000002</v>
      </c>
    </row>
    <row r="841" spans="1:7" x14ac:dyDescent="0.25">
      <c r="A841" s="10">
        <v>354</v>
      </c>
      <c r="B841" s="10">
        <v>42.436750000000004</v>
      </c>
      <c r="C841" s="10">
        <v>40.753250000000001</v>
      </c>
      <c r="D841" s="10">
        <v>38.883499999999998</v>
      </c>
      <c r="E841" s="10">
        <v>38.082749999999997</v>
      </c>
      <c r="F841" s="10">
        <v>33.600999999999999</v>
      </c>
      <c r="G841" s="10">
        <v>33.2485</v>
      </c>
    </row>
    <row r="842" spans="1:7" x14ac:dyDescent="0.25">
      <c r="A842" s="10">
        <v>354.5</v>
      </c>
      <c r="B842" s="10">
        <v>42.40175</v>
      </c>
      <c r="C842" s="10">
        <v>40.713500000000003</v>
      </c>
      <c r="D842" s="10">
        <v>38.83925</v>
      </c>
      <c r="E842" s="10">
        <v>38.042749999999998</v>
      </c>
      <c r="F842" s="10">
        <v>33.585000000000001</v>
      </c>
      <c r="G842" s="10">
        <v>33.225999999999999</v>
      </c>
    </row>
    <row r="843" spans="1:7" x14ac:dyDescent="0.25">
      <c r="A843" s="10">
        <v>355</v>
      </c>
      <c r="B843" s="10">
        <v>42.345500000000001</v>
      </c>
      <c r="C843" s="10">
        <v>40.659750000000003</v>
      </c>
      <c r="D843" s="10">
        <v>38.792499999999997</v>
      </c>
      <c r="E843" s="10">
        <v>38.020000000000003</v>
      </c>
      <c r="F843" s="10">
        <v>33.527000000000001</v>
      </c>
      <c r="G843" s="10">
        <v>33.246499999999997</v>
      </c>
    </row>
    <row r="844" spans="1:7" x14ac:dyDescent="0.25">
      <c r="A844" s="10">
        <v>355.5</v>
      </c>
      <c r="B844" s="10">
        <v>42.305250000000001</v>
      </c>
      <c r="C844" s="10">
        <v>40.613</v>
      </c>
      <c r="D844" s="10">
        <v>38.761499999999998</v>
      </c>
      <c r="E844" s="10">
        <v>37.972000000000001</v>
      </c>
      <c r="F844" s="10">
        <v>33.518500000000003</v>
      </c>
      <c r="G844" s="10">
        <v>33.199249999999999</v>
      </c>
    </row>
    <row r="845" spans="1:7" x14ac:dyDescent="0.25">
      <c r="A845" s="10">
        <v>356</v>
      </c>
      <c r="B845" s="10">
        <v>42.265250000000002</v>
      </c>
      <c r="C845" s="10">
        <v>40.58475</v>
      </c>
      <c r="D845" s="10">
        <v>38.718249999999998</v>
      </c>
      <c r="E845" s="10">
        <v>37.9405</v>
      </c>
      <c r="F845" s="10">
        <v>33.481000000000002</v>
      </c>
      <c r="G845" s="10">
        <v>33.164250000000003</v>
      </c>
    </row>
    <row r="846" spans="1:7" x14ac:dyDescent="0.25">
      <c r="A846" s="10">
        <v>356.5</v>
      </c>
      <c r="B846" s="10">
        <v>42.201250000000002</v>
      </c>
      <c r="C846" s="10">
        <v>40.546250000000001</v>
      </c>
      <c r="D846" s="10">
        <v>38.648499999999999</v>
      </c>
      <c r="E846" s="10">
        <v>37.89425</v>
      </c>
      <c r="F846" s="10">
        <v>33.455249999999999</v>
      </c>
      <c r="G846" s="10">
        <v>33.155999999999999</v>
      </c>
    </row>
    <row r="847" spans="1:7" x14ac:dyDescent="0.25">
      <c r="A847" s="10">
        <v>357</v>
      </c>
      <c r="B847" s="10">
        <v>42.1845</v>
      </c>
      <c r="C847" s="10">
        <v>40.468000000000004</v>
      </c>
      <c r="D847" s="10">
        <v>38.624250000000004</v>
      </c>
      <c r="E847" s="10">
        <v>37.864249999999998</v>
      </c>
      <c r="F847" s="10">
        <v>33.426749999999998</v>
      </c>
      <c r="G847" s="10">
        <v>33.1205</v>
      </c>
    </row>
    <row r="848" spans="1:7" x14ac:dyDescent="0.25">
      <c r="A848" s="10">
        <v>357.5</v>
      </c>
      <c r="B848" s="10">
        <v>42.117750000000001</v>
      </c>
      <c r="C848" s="10">
        <v>40.463749999999997</v>
      </c>
      <c r="D848" s="10">
        <v>38.585500000000003</v>
      </c>
      <c r="E848" s="10">
        <v>37.834249999999997</v>
      </c>
      <c r="F848" s="10">
        <v>33.399749999999997</v>
      </c>
      <c r="G848" s="10">
        <v>33.127749999999999</v>
      </c>
    </row>
    <row r="849" spans="1:7" x14ac:dyDescent="0.25">
      <c r="A849" s="10">
        <v>358</v>
      </c>
      <c r="B849" s="10">
        <v>42.09225</v>
      </c>
      <c r="C849" s="10">
        <v>40.40925</v>
      </c>
      <c r="D849" s="10">
        <v>38.580500000000001</v>
      </c>
      <c r="E849" s="10">
        <v>37.799250000000001</v>
      </c>
      <c r="F849" s="10">
        <v>33.388500000000001</v>
      </c>
      <c r="G849" s="10">
        <v>33.10575</v>
      </c>
    </row>
    <row r="850" spans="1:7" x14ac:dyDescent="0.25">
      <c r="A850" s="10">
        <v>358.5</v>
      </c>
      <c r="B850" s="10">
        <v>42.03725</v>
      </c>
      <c r="C850" s="10">
        <v>40.377249999999997</v>
      </c>
      <c r="D850" s="10">
        <v>38.519500000000001</v>
      </c>
      <c r="E850" s="10">
        <v>37.756999999999998</v>
      </c>
      <c r="F850" s="10">
        <v>33.347749999999998</v>
      </c>
      <c r="G850" s="10">
        <v>33.051499999999997</v>
      </c>
    </row>
    <row r="851" spans="1:7" x14ac:dyDescent="0.25">
      <c r="A851" s="10">
        <v>359</v>
      </c>
      <c r="B851" s="10">
        <v>41.984749999999998</v>
      </c>
      <c r="C851" s="10">
        <v>40.308999999999997</v>
      </c>
      <c r="D851" s="10">
        <v>38.491500000000002</v>
      </c>
      <c r="E851" s="10">
        <v>37.71725</v>
      </c>
      <c r="F851" s="10">
        <v>33.317999999999998</v>
      </c>
      <c r="G851" s="10">
        <v>33.019750000000002</v>
      </c>
    </row>
    <row r="852" spans="1:7" x14ac:dyDescent="0.25">
      <c r="A852" s="10">
        <v>359.5</v>
      </c>
      <c r="B852" s="10">
        <v>41.947249999999997</v>
      </c>
      <c r="C852" s="10">
        <v>40.287500000000001</v>
      </c>
      <c r="D852" s="10">
        <v>38.456499999999998</v>
      </c>
      <c r="E852" s="10">
        <v>37.698</v>
      </c>
      <c r="F852" s="10">
        <v>33.297249999999998</v>
      </c>
      <c r="G852" s="10">
        <v>33.027500000000003</v>
      </c>
    </row>
    <row r="853" spans="1:7" x14ac:dyDescent="0.25">
      <c r="A853" s="10">
        <v>360</v>
      </c>
      <c r="B853" s="10">
        <v>41.912999999999997</v>
      </c>
      <c r="C853" s="10">
        <v>40.234250000000003</v>
      </c>
      <c r="D853" s="10">
        <v>38.429749999999999</v>
      </c>
      <c r="E853" s="10">
        <v>37.669499999999999</v>
      </c>
      <c r="F853" s="10">
        <v>33.259749999999997</v>
      </c>
      <c r="G853" s="10">
        <v>33.002499999999998</v>
      </c>
    </row>
    <row r="854" spans="1:7" x14ac:dyDescent="0.25">
      <c r="A854" s="10">
        <v>360.5</v>
      </c>
      <c r="B854" s="10">
        <v>41.873249999999999</v>
      </c>
      <c r="C854" s="10">
        <v>40.216250000000002</v>
      </c>
      <c r="D854" s="10">
        <v>38.381500000000003</v>
      </c>
      <c r="E854" s="10">
        <v>37.646250000000002</v>
      </c>
      <c r="F854" s="10">
        <v>33.237749999999998</v>
      </c>
      <c r="G854" s="10">
        <v>32.974499999999999</v>
      </c>
    </row>
    <row r="855" spans="1:7" x14ac:dyDescent="0.25">
      <c r="A855" s="10">
        <v>361</v>
      </c>
      <c r="B855" s="10">
        <v>41.81</v>
      </c>
      <c r="C855" s="10">
        <v>40.169750000000001</v>
      </c>
      <c r="D855" s="10">
        <v>38.325000000000003</v>
      </c>
      <c r="E855" s="10">
        <v>37.591250000000002</v>
      </c>
      <c r="F855" s="10">
        <v>33.198500000000003</v>
      </c>
      <c r="G855" s="10">
        <v>32.973750000000003</v>
      </c>
    </row>
    <row r="856" spans="1:7" x14ac:dyDescent="0.25">
      <c r="A856" s="10">
        <v>361.5</v>
      </c>
      <c r="B856" s="10">
        <v>41.762</v>
      </c>
      <c r="C856" s="10">
        <v>40.128</v>
      </c>
      <c r="D856" s="10">
        <v>38.322499999999998</v>
      </c>
      <c r="E856" s="10">
        <v>37.58625</v>
      </c>
      <c r="F856" s="10">
        <v>33.176000000000002</v>
      </c>
      <c r="G856" s="10">
        <v>32.921999999999997</v>
      </c>
    </row>
    <row r="857" spans="1:7" x14ac:dyDescent="0.25">
      <c r="A857" s="10">
        <v>362</v>
      </c>
      <c r="B857" s="10">
        <v>41.710749999999997</v>
      </c>
      <c r="C857" s="10">
        <v>40.064250000000001</v>
      </c>
      <c r="D857" s="10">
        <v>38.268250000000002</v>
      </c>
      <c r="E857" s="10">
        <v>37.543500000000002</v>
      </c>
      <c r="F857" s="10">
        <v>33.153500000000001</v>
      </c>
      <c r="G857" s="10">
        <v>32.922499999999999</v>
      </c>
    </row>
    <row r="858" spans="1:7" x14ac:dyDescent="0.25">
      <c r="A858" s="10">
        <v>362.5</v>
      </c>
      <c r="B858" s="10">
        <v>41.673000000000002</v>
      </c>
      <c r="C858" s="10">
        <v>40.030749999999998</v>
      </c>
      <c r="D858" s="10">
        <v>38.228999999999999</v>
      </c>
      <c r="E858" s="10">
        <v>37.520000000000003</v>
      </c>
      <c r="F858" s="10">
        <v>33.116500000000002</v>
      </c>
      <c r="G858" s="10">
        <v>32.887</v>
      </c>
    </row>
    <row r="859" spans="1:7" x14ac:dyDescent="0.25">
      <c r="A859" s="10">
        <v>363</v>
      </c>
      <c r="B859" s="10">
        <v>41.636499999999998</v>
      </c>
      <c r="C859" s="10">
        <v>39.996000000000002</v>
      </c>
      <c r="D859" s="10">
        <v>38.183</v>
      </c>
      <c r="E859" s="10">
        <v>37.488750000000003</v>
      </c>
      <c r="F859" s="10">
        <v>33.085749999999997</v>
      </c>
      <c r="G859" s="10">
        <v>32.888750000000002</v>
      </c>
    </row>
    <row r="860" spans="1:7" x14ac:dyDescent="0.25">
      <c r="A860" s="10">
        <v>363.5</v>
      </c>
      <c r="B860" s="10">
        <v>41.582749999999997</v>
      </c>
      <c r="C860" s="10">
        <v>39.935000000000002</v>
      </c>
      <c r="D860" s="10">
        <v>38.152250000000002</v>
      </c>
      <c r="E860" s="10">
        <v>37.454000000000001</v>
      </c>
      <c r="F860" s="10">
        <v>33.037500000000001</v>
      </c>
      <c r="G860" s="10">
        <v>32.835000000000001</v>
      </c>
    </row>
    <row r="861" spans="1:7" x14ac:dyDescent="0.25">
      <c r="A861" s="10">
        <v>364</v>
      </c>
      <c r="B861" s="10">
        <v>41.555999999999997</v>
      </c>
      <c r="C861" s="10">
        <v>39.930999999999997</v>
      </c>
      <c r="D861" s="10">
        <v>38.137500000000003</v>
      </c>
      <c r="E861" s="10">
        <v>37.40775</v>
      </c>
      <c r="F861" s="10">
        <v>33.039250000000003</v>
      </c>
      <c r="G861" s="10">
        <v>32.823500000000003</v>
      </c>
    </row>
    <row r="862" spans="1:7" x14ac:dyDescent="0.25">
      <c r="A862" s="10">
        <v>364.5</v>
      </c>
      <c r="B862" s="10">
        <v>41.508000000000003</v>
      </c>
      <c r="C862" s="10">
        <v>39.86</v>
      </c>
      <c r="D862" s="10">
        <v>38.099249999999998</v>
      </c>
      <c r="E862" s="10">
        <v>37.373249999999999</v>
      </c>
      <c r="F862" s="10">
        <v>33.021749999999997</v>
      </c>
      <c r="G862" s="10">
        <v>32.816249999999997</v>
      </c>
    </row>
    <row r="863" spans="1:7" x14ac:dyDescent="0.25">
      <c r="A863" s="10">
        <v>365</v>
      </c>
      <c r="B863" s="10">
        <v>41.46725</v>
      </c>
      <c r="C863" s="10">
        <v>39.861499999999999</v>
      </c>
      <c r="D863" s="10">
        <v>38.054749999999999</v>
      </c>
      <c r="E863" s="10">
        <v>37.340499999999999</v>
      </c>
      <c r="F863" s="10">
        <v>32.994</v>
      </c>
      <c r="G863" s="10">
        <v>32.781999999999996</v>
      </c>
    </row>
    <row r="864" spans="1:7" x14ac:dyDescent="0.25">
      <c r="A864" s="10">
        <v>365.5</v>
      </c>
      <c r="B864" s="10">
        <v>41.397750000000002</v>
      </c>
      <c r="C864" s="10">
        <v>39.771250000000002</v>
      </c>
      <c r="D864" s="10">
        <v>38.009500000000003</v>
      </c>
      <c r="E864" s="10">
        <v>37.322000000000003</v>
      </c>
      <c r="F864" s="10">
        <v>32.971499999999999</v>
      </c>
      <c r="G864" s="10">
        <v>32.77075</v>
      </c>
    </row>
    <row r="865" spans="1:7" x14ac:dyDescent="0.25">
      <c r="A865" s="10">
        <v>366</v>
      </c>
      <c r="B865" s="10">
        <v>41.363750000000003</v>
      </c>
      <c r="C865" s="10">
        <v>39.767249999999997</v>
      </c>
      <c r="D865" s="10">
        <v>37.951749999999997</v>
      </c>
      <c r="E865" s="10">
        <v>37.280500000000004</v>
      </c>
      <c r="F865" s="10">
        <v>32.96725</v>
      </c>
      <c r="G865" s="10">
        <v>32.746749999999999</v>
      </c>
    </row>
    <row r="866" spans="1:7" x14ac:dyDescent="0.25">
      <c r="A866" s="10">
        <v>366.5</v>
      </c>
      <c r="B866" s="10">
        <v>41.332250000000002</v>
      </c>
      <c r="C866" s="10">
        <v>39.729999999999997</v>
      </c>
      <c r="D866" s="10">
        <v>37.930500000000002</v>
      </c>
      <c r="E866" s="10">
        <v>37.235999999999997</v>
      </c>
      <c r="F866" s="10">
        <v>32.908499999999997</v>
      </c>
      <c r="G866" s="10">
        <v>32.723750000000003</v>
      </c>
    </row>
    <row r="867" spans="1:7" x14ac:dyDescent="0.25">
      <c r="A867" s="10">
        <v>367</v>
      </c>
      <c r="B867" s="10">
        <v>41.301499999999997</v>
      </c>
      <c r="C867" s="10">
        <v>39.703749999999999</v>
      </c>
      <c r="D867" s="10">
        <v>37.889000000000003</v>
      </c>
      <c r="E867" s="10">
        <v>37.22925</v>
      </c>
      <c r="F867" s="10">
        <v>32.881250000000001</v>
      </c>
      <c r="G867" s="10">
        <v>32.703749999999999</v>
      </c>
    </row>
    <row r="868" spans="1:7" x14ac:dyDescent="0.25">
      <c r="A868" s="10">
        <v>367.5</v>
      </c>
      <c r="B868" s="10">
        <v>41.232250000000001</v>
      </c>
      <c r="C868" s="10">
        <v>39.643250000000002</v>
      </c>
      <c r="D868" s="10">
        <v>37.883000000000003</v>
      </c>
      <c r="E868" s="10">
        <v>37.183250000000001</v>
      </c>
      <c r="F868" s="10">
        <v>32.863</v>
      </c>
      <c r="G868" s="10">
        <v>32.671999999999997</v>
      </c>
    </row>
    <row r="869" spans="1:7" x14ac:dyDescent="0.25">
      <c r="A869" s="10">
        <v>368</v>
      </c>
      <c r="B869" s="10">
        <v>41.211750000000002</v>
      </c>
      <c r="C869" s="10">
        <v>39.618250000000003</v>
      </c>
      <c r="D869" s="10">
        <v>37.818249999999999</v>
      </c>
      <c r="E869" s="10">
        <v>37.159999999999997</v>
      </c>
      <c r="F869" s="10">
        <v>32.842500000000001</v>
      </c>
      <c r="G869" s="10">
        <v>32.649749999999997</v>
      </c>
    </row>
    <row r="870" spans="1:7" x14ac:dyDescent="0.25">
      <c r="A870" s="10">
        <v>368.5</v>
      </c>
      <c r="B870" s="10">
        <v>41.1325</v>
      </c>
      <c r="C870" s="10">
        <v>39.567500000000003</v>
      </c>
      <c r="D870" s="10">
        <v>37.817</v>
      </c>
      <c r="E870" s="10">
        <v>37.112499999999997</v>
      </c>
      <c r="F870" s="10">
        <v>32.802</v>
      </c>
      <c r="G870" s="10">
        <v>32.669750000000001</v>
      </c>
    </row>
    <row r="871" spans="1:7" x14ac:dyDescent="0.25">
      <c r="A871" s="10">
        <v>369</v>
      </c>
      <c r="B871" s="10">
        <v>41.124000000000002</v>
      </c>
      <c r="C871" s="10">
        <v>39.52675</v>
      </c>
      <c r="D871" s="10">
        <v>37.766249999999999</v>
      </c>
      <c r="E871" s="10">
        <v>37.09075</v>
      </c>
      <c r="F871" s="10">
        <v>32.810250000000003</v>
      </c>
      <c r="G871" s="10">
        <v>32.630000000000003</v>
      </c>
    </row>
    <row r="872" spans="1:7" x14ac:dyDescent="0.25">
      <c r="A872" s="10">
        <v>369.5</v>
      </c>
      <c r="B872" s="10">
        <v>41.051000000000002</v>
      </c>
      <c r="C872" s="10">
        <v>39.478000000000002</v>
      </c>
      <c r="D872" s="10">
        <v>37.715000000000003</v>
      </c>
      <c r="E872" s="10">
        <v>37.064999999999998</v>
      </c>
      <c r="F872" s="10">
        <v>32.781500000000001</v>
      </c>
      <c r="G872" s="10">
        <v>32.597499999999997</v>
      </c>
    </row>
    <row r="873" spans="1:7" x14ac:dyDescent="0.25">
      <c r="A873" s="10">
        <v>370</v>
      </c>
      <c r="B873" s="10">
        <v>40.999250000000004</v>
      </c>
      <c r="C873" s="10">
        <v>39.424250000000001</v>
      </c>
      <c r="D873" s="10">
        <v>37.677999999999997</v>
      </c>
      <c r="E873" s="10">
        <v>37.010249999999999</v>
      </c>
      <c r="F873" s="10">
        <v>32.719499999999996</v>
      </c>
      <c r="G873" s="10">
        <v>32.5745</v>
      </c>
    </row>
    <row r="874" spans="1:7" x14ac:dyDescent="0.25">
      <c r="A874" s="10">
        <v>370.5</v>
      </c>
      <c r="B874" s="10">
        <v>40.971249999999998</v>
      </c>
      <c r="C874" s="10">
        <v>39.411000000000001</v>
      </c>
      <c r="D874" s="10">
        <v>37.65475</v>
      </c>
      <c r="E874" s="10">
        <v>36.990250000000003</v>
      </c>
      <c r="F874" s="10">
        <v>32.704999999999998</v>
      </c>
      <c r="G874" s="10">
        <v>32.577500000000001</v>
      </c>
    </row>
    <row r="875" spans="1:7" x14ac:dyDescent="0.25">
      <c r="A875" s="10">
        <v>371</v>
      </c>
      <c r="B875" s="10">
        <v>40.933500000000002</v>
      </c>
      <c r="C875" s="10">
        <v>39.372750000000003</v>
      </c>
      <c r="D875" s="10">
        <v>37.609250000000003</v>
      </c>
      <c r="E875" s="10">
        <v>36.967750000000002</v>
      </c>
      <c r="F875" s="10">
        <v>32.712249999999997</v>
      </c>
      <c r="G875" s="10">
        <v>32.536999999999999</v>
      </c>
    </row>
    <row r="876" spans="1:7" x14ac:dyDescent="0.25">
      <c r="A876" s="10">
        <v>371.5</v>
      </c>
      <c r="B876" s="10">
        <v>40.914999999999999</v>
      </c>
      <c r="C876" s="10">
        <v>39.3245</v>
      </c>
      <c r="D876" s="10">
        <v>37.567999999999998</v>
      </c>
      <c r="E876" s="10">
        <v>36.912999999999997</v>
      </c>
      <c r="F876" s="10">
        <v>32.676749999999998</v>
      </c>
      <c r="G876" s="10">
        <v>32.506</v>
      </c>
    </row>
    <row r="877" spans="1:7" x14ac:dyDescent="0.25">
      <c r="A877" s="10">
        <v>372</v>
      </c>
      <c r="B877" s="10">
        <v>40.871250000000003</v>
      </c>
      <c r="C877" s="10">
        <v>39.298250000000003</v>
      </c>
      <c r="D877" s="10">
        <v>37.536749999999998</v>
      </c>
      <c r="E877" s="10">
        <v>36.90775</v>
      </c>
      <c r="F877" s="10">
        <v>32.645499999999998</v>
      </c>
      <c r="G877" s="10">
        <v>32.521999999999998</v>
      </c>
    </row>
    <row r="878" spans="1:7" x14ac:dyDescent="0.25">
      <c r="A878" s="10">
        <v>372.5</v>
      </c>
      <c r="B878" s="10">
        <v>40.800989999999999</v>
      </c>
      <c r="C878" s="10">
        <v>39.25909</v>
      </c>
      <c r="D878" s="10">
        <v>37.490519999999997</v>
      </c>
      <c r="E878" s="10">
        <v>36.87856</v>
      </c>
      <c r="F878" s="10">
        <v>32.630049999999997</v>
      </c>
      <c r="G878" s="10">
        <v>32.473210000000002</v>
      </c>
    </row>
    <row r="879" spans="1:7" x14ac:dyDescent="0.25">
      <c r="A879" s="10">
        <v>373</v>
      </c>
      <c r="B879" s="10">
        <v>40.758240000000001</v>
      </c>
      <c r="C879" s="10">
        <v>39.21537</v>
      </c>
      <c r="D879" s="10">
        <v>37.474539999999998</v>
      </c>
      <c r="E879" s="10">
        <v>36.852719999999998</v>
      </c>
      <c r="F879" s="10">
        <v>32.589950000000002</v>
      </c>
      <c r="G879" s="10">
        <v>32.463230000000003</v>
      </c>
    </row>
    <row r="880" spans="1:7" x14ac:dyDescent="0.25">
      <c r="A880" s="10">
        <v>373.5</v>
      </c>
      <c r="B880" s="10">
        <v>40.731990000000003</v>
      </c>
      <c r="C880" s="10">
        <v>39.198830000000001</v>
      </c>
      <c r="D880" s="10">
        <v>37.445309999999999</v>
      </c>
      <c r="E880" s="10">
        <v>36.826729999999998</v>
      </c>
      <c r="F880" s="10">
        <v>32.588439999999999</v>
      </c>
      <c r="G880" s="10">
        <v>32.425319999999999</v>
      </c>
    </row>
    <row r="881" spans="1:7" x14ac:dyDescent="0.25">
      <c r="A881" s="10">
        <v>374</v>
      </c>
      <c r="B881" s="10">
        <v>40.71</v>
      </c>
      <c r="C881" s="10">
        <v>39.140239999999999</v>
      </c>
      <c r="D881" s="10">
        <v>37.431570000000001</v>
      </c>
      <c r="E881" s="10">
        <v>36.790109999999999</v>
      </c>
      <c r="F881" s="10">
        <v>32.561790000000002</v>
      </c>
      <c r="G881" s="10">
        <v>32.426220000000001</v>
      </c>
    </row>
    <row r="882" spans="1:7" x14ac:dyDescent="0.25">
      <c r="A882" s="10">
        <v>374.5</v>
      </c>
      <c r="B882" s="10">
        <v>40.655270000000002</v>
      </c>
      <c r="C882" s="10">
        <v>39.12135</v>
      </c>
      <c r="D882" s="10">
        <v>37.368580000000001</v>
      </c>
      <c r="E882" s="10">
        <v>36.779330000000002</v>
      </c>
      <c r="F882" s="10">
        <v>32.536470000000001</v>
      </c>
      <c r="G882" s="10">
        <v>32.408929999999998</v>
      </c>
    </row>
    <row r="883" spans="1:7" x14ac:dyDescent="0.25">
      <c r="A883" s="10">
        <v>375</v>
      </c>
      <c r="B883" s="10">
        <v>40.614550000000001</v>
      </c>
      <c r="C883" s="10">
        <v>39.089390000000002</v>
      </c>
      <c r="D883" s="10">
        <v>37.319589999999998</v>
      </c>
      <c r="E883" s="10">
        <v>36.770670000000003</v>
      </c>
      <c r="F883" s="10">
        <v>32.52176</v>
      </c>
      <c r="G883" s="10">
        <v>32.381950000000003</v>
      </c>
    </row>
    <row r="884" spans="1:7" x14ac:dyDescent="0.25">
      <c r="A884" s="10">
        <v>375.5</v>
      </c>
      <c r="B884" s="10">
        <v>40.580579999999998</v>
      </c>
      <c r="C884" s="10">
        <v>39.065379999999998</v>
      </c>
      <c r="D884" s="10">
        <v>37.31485</v>
      </c>
      <c r="E884" s="10">
        <v>36.751869999999997</v>
      </c>
      <c r="F884" s="10">
        <v>32.491379999999999</v>
      </c>
      <c r="G884" s="10">
        <v>32.336539999999999</v>
      </c>
    </row>
    <row r="885" spans="1:7" x14ac:dyDescent="0.25">
      <c r="A885" s="10">
        <v>376</v>
      </c>
      <c r="B885" s="10">
        <v>40.506880000000002</v>
      </c>
      <c r="C885" s="10">
        <v>39.00506</v>
      </c>
      <c r="D885" s="10">
        <v>37.260849999999998</v>
      </c>
      <c r="E885" s="10">
        <v>36.710680000000004</v>
      </c>
      <c r="F885" s="10">
        <v>32.461100000000002</v>
      </c>
      <c r="G885" s="10">
        <v>32.328679999999999</v>
      </c>
    </row>
    <row r="886" spans="1:7" x14ac:dyDescent="0.25">
      <c r="A886" s="10">
        <v>376.5</v>
      </c>
      <c r="B886" s="10">
        <v>40.503929999999997</v>
      </c>
      <c r="C886" s="10">
        <v>38.990189999999998</v>
      </c>
      <c r="D886" s="10">
        <v>37.237850000000002</v>
      </c>
      <c r="E886" s="10">
        <v>36.699849999999998</v>
      </c>
      <c r="F886" s="10">
        <v>32.4724</v>
      </c>
      <c r="G886" s="10">
        <v>32.306139999999999</v>
      </c>
    </row>
    <row r="887" spans="1:7" x14ac:dyDescent="0.25">
      <c r="A887" s="10">
        <v>377</v>
      </c>
      <c r="B887" s="10">
        <v>40.476489999999998</v>
      </c>
      <c r="C887" s="10">
        <v>38.940759999999997</v>
      </c>
      <c r="D887" s="10">
        <v>37.214599999999997</v>
      </c>
      <c r="E887" s="10">
        <v>36.675640000000001</v>
      </c>
      <c r="F887" s="10">
        <v>32.4178</v>
      </c>
      <c r="G887" s="10">
        <v>32.285150000000002</v>
      </c>
    </row>
    <row r="888" spans="1:7" x14ac:dyDescent="0.25">
      <c r="A888" s="10">
        <v>377.5</v>
      </c>
      <c r="B888" s="10">
        <v>40.39181</v>
      </c>
      <c r="C888" s="10">
        <v>38.910769999999999</v>
      </c>
      <c r="D888" s="10">
        <v>37.179600000000001</v>
      </c>
      <c r="E888" s="10">
        <v>36.638539999999999</v>
      </c>
      <c r="F888" s="10">
        <v>32.43703</v>
      </c>
      <c r="G888" s="10">
        <v>32.286969999999997</v>
      </c>
    </row>
    <row r="889" spans="1:7" x14ac:dyDescent="0.25">
      <c r="A889" s="10">
        <v>378</v>
      </c>
      <c r="B889" s="10">
        <v>40.368380000000002</v>
      </c>
      <c r="C889" s="10">
        <v>38.863239999999998</v>
      </c>
      <c r="D889" s="10">
        <v>37.136850000000003</v>
      </c>
      <c r="E889" s="10">
        <v>36.612810000000003</v>
      </c>
      <c r="F889" s="10">
        <v>32.420110000000001</v>
      </c>
      <c r="G889" s="10">
        <v>32.270600000000002</v>
      </c>
    </row>
    <row r="890" spans="1:7" x14ac:dyDescent="0.25">
      <c r="A890" s="10">
        <v>378.5</v>
      </c>
      <c r="B890" s="10">
        <v>40.327469999999998</v>
      </c>
      <c r="C890" s="10">
        <v>38.863399999999999</v>
      </c>
      <c r="D890" s="10">
        <v>37.102339999999998</v>
      </c>
      <c r="E890" s="10">
        <v>36.597450000000002</v>
      </c>
      <c r="F890" s="10">
        <v>32.372259999999997</v>
      </c>
      <c r="G890" s="10">
        <v>32.22204</v>
      </c>
    </row>
    <row r="891" spans="1:7" x14ac:dyDescent="0.25">
      <c r="A891" s="10">
        <v>379</v>
      </c>
      <c r="B891" s="10">
        <v>40.281059999999997</v>
      </c>
      <c r="C891" s="10">
        <v>38.842759999999998</v>
      </c>
      <c r="D891" s="10">
        <v>37.08334</v>
      </c>
      <c r="E891" s="10">
        <v>36.573210000000003</v>
      </c>
      <c r="F891" s="10">
        <v>32.350250000000003</v>
      </c>
      <c r="G891" s="10">
        <v>32.240029999999997</v>
      </c>
    </row>
    <row r="892" spans="1:7" x14ac:dyDescent="0.25">
      <c r="A892" s="10">
        <v>379.5</v>
      </c>
      <c r="B892" s="10">
        <v>40.255920000000003</v>
      </c>
      <c r="C892" s="10">
        <v>38.765320000000003</v>
      </c>
      <c r="D892" s="10">
        <v>37.057079999999999</v>
      </c>
      <c r="E892" s="10">
        <v>36.557340000000003</v>
      </c>
      <c r="F892" s="10">
        <v>32.359580000000001</v>
      </c>
      <c r="G892" s="10">
        <v>32.203580000000002</v>
      </c>
    </row>
    <row r="893" spans="1:7" x14ac:dyDescent="0.25">
      <c r="A893" s="10">
        <v>380</v>
      </c>
      <c r="B893" s="10">
        <v>40.212530000000001</v>
      </c>
      <c r="C893" s="10">
        <v>38.755070000000003</v>
      </c>
      <c r="D893" s="10">
        <v>37.027569999999997</v>
      </c>
      <c r="E893" s="10">
        <v>36.527850000000001</v>
      </c>
      <c r="F893" s="10">
        <v>32.331740000000003</v>
      </c>
      <c r="G893" s="10">
        <v>32.132440000000003</v>
      </c>
    </row>
    <row r="894" spans="1:7" x14ac:dyDescent="0.25">
      <c r="A894" s="10">
        <v>380.5</v>
      </c>
      <c r="B894" s="10">
        <v>40.176900000000003</v>
      </c>
      <c r="C894" s="10">
        <v>38.710030000000003</v>
      </c>
      <c r="D894" s="10">
        <v>36.980310000000003</v>
      </c>
      <c r="E894" s="10">
        <v>36.489229999999999</v>
      </c>
      <c r="F894" s="10">
        <v>32.326729999999998</v>
      </c>
      <c r="G894" s="10">
        <v>32.136099999999999</v>
      </c>
    </row>
    <row r="895" spans="1:7" x14ac:dyDescent="0.25">
      <c r="A895" s="10">
        <v>381</v>
      </c>
      <c r="B895" s="10">
        <v>40.091529999999999</v>
      </c>
      <c r="C895" s="10">
        <v>38.70044</v>
      </c>
      <c r="D895" s="10">
        <v>36.929299999999998</v>
      </c>
      <c r="E895" s="10">
        <v>36.45373</v>
      </c>
      <c r="F895" s="10">
        <v>32.297539999999998</v>
      </c>
      <c r="G895" s="10">
        <v>32.123309999999996</v>
      </c>
    </row>
    <row r="896" spans="1:7" x14ac:dyDescent="0.25">
      <c r="A896" s="10">
        <v>381.5</v>
      </c>
      <c r="B896" s="10">
        <v>40.090420000000002</v>
      </c>
      <c r="C896" s="10">
        <v>38.639049999999997</v>
      </c>
      <c r="D896" s="10">
        <v>36.924289999999999</v>
      </c>
      <c r="E896" s="10">
        <v>36.439369999999997</v>
      </c>
      <c r="F896" s="10">
        <v>32.267189999999999</v>
      </c>
      <c r="G896" s="10">
        <v>32.094830000000002</v>
      </c>
    </row>
    <row r="897" spans="1:7" x14ac:dyDescent="0.25">
      <c r="A897" s="10">
        <v>382</v>
      </c>
      <c r="B897" s="10">
        <v>40.054319999999997</v>
      </c>
      <c r="C897" s="10">
        <v>38.583860000000001</v>
      </c>
      <c r="D897" s="10">
        <v>36.885530000000003</v>
      </c>
      <c r="E897" s="10">
        <v>36.42013</v>
      </c>
      <c r="F897" s="10">
        <v>32.250419999999998</v>
      </c>
      <c r="G897" s="10">
        <v>32.092149999999997</v>
      </c>
    </row>
    <row r="898" spans="1:7" x14ac:dyDescent="0.25">
      <c r="A898" s="10">
        <v>382.5</v>
      </c>
      <c r="B898" s="10">
        <v>40.012230000000002</v>
      </c>
      <c r="C898" s="10">
        <v>38.577120000000001</v>
      </c>
      <c r="D898" s="10">
        <v>36.865020000000001</v>
      </c>
      <c r="E898" s="10">
        <v>36.416020000000003</v>
      </c>
      <c r="F898" s="10">
        <v>32.259970000000003</v>
      </c>
      <c r="G898" s="10">
        <v>32.035269999999997</v>
      </c>
    </row>
    <row r="899" spans="1:7" x14ac:dyDescent="0.25">
      <c r="A899" s="10">
        <v>383</v>
      </c>
      <c r="B899" s="10">
        <v>39.975900000000003</v>
      </c>
      <c r="C899" s="10">
        <v>38.52984</v>
      </c>
      <c r="D899" s="10">
        <v>36.805759999999999</v>
      </c>
      <c r="E899" s="10">
        <v>36.33379</v>
      </c>
      <c r="F899" s="10">
        <v>32.226089999999999</v>
      </c>
      <c r="G899" s="10">
        <v>32.046199999999999</v>
      </c>
    </row>
    <row r="900" spans="1:7" x14ac:dyDescent="0.25">
      <c r="A900" s="10">
        <v>383.5</v>
      </c>
      <c r="B900" s="10">
        <v>39.925330000000002</v>
      </c>
      <c r="C900" s="10">
        <v>38.51276</v>
      </c>
      <c r="D900" s="10">
        <v>36.769750000000002</v>
      </c>
      <c r="E900" s="10">
        <v>36.328449999999997</v>
      </c>
      <c r="F900" s="10">
        <v>32.226790000000001</v>
      </c>
      <c r="G900" s="10">
        <v>32.037170000000003</v>
      </c>
    </row>
    <row r="901" spans="1:7" x14ac:dyDescent="0.25">
      <c r="A901" s="10">
        <v>384</v>
      </c>
      <c r="B901" s="10">
        <v>39.900010000000002</v>
      </c>
      <c r="C901" s="10">
        <v>38.484139999999996</v>
      </c>
      <c r="D901" s="10">
        <v>36.76549</v>
      </c>
      <c r="E901" s="10">
        <v>36.327739999999999</v>
      </c>
      <c r="F901" s="10">
        <v>32.18582</v>
      </c>
      <c r="G901" s="10">
        <v>32.011699999999998</v>
      </c>
    </row>
    <row r="902" spans="1:7" x14ac:dyDescent="0.25">
      <c r="A902" s="10">
        <v>384.5</v>
      </c>
      <c r="B902" s="10">
        <v>39.840209999999999</v>
      </c>
      <c r="C902" s="10">
        <v>38.437469999999998</v>
      </c>
      <c r="D902" s="10">
        <v>36.704479999999997</v>
      </c>
      <c r="E902" s="10">
        <v>36.30742</v>
      </c>
      <c r="F902" s="10">
        <v>32.169910000000002</v>
      </c>
      <c r="G902" s="10">
        <v>31.98753</v>
      </c>
    </row>
    <row r="903" spans="1:7" x14ac:dyDescent="0.25">
      <c r="A903" s="10">
        <v>385</v>
      </c>
      <c r="B903" s="10">
        <v>39.836170000000003</v>
      </c>
      <c r="C903" s="10">
        <v>38.390999999999998</v>
      </c>
      <c r="D903" s="10">
        <v>36.698720000000002</v>
      </c>
      <c r="E903" s="10">
        <v>36.26023</v>
      </c>
      <c r="F903" s="10">
        <v>32.147080000000003</v>
      </c>
      <c r="G903" s="10">
        <v>31.96715</v>
      </c>
    </row>
    <row r="904" spans="1:7" x14ac:dyDescent="0.25">
      <c r="A904" s="10">
        <v>385.5</v>
      </c>
      <c r="B904" s="10">
        <v>39.779389999999999</v>
      </c>
      <c r="C904" s="10">
        <v>38.378500000000003</v>
      </c>
      <c r="D904" s="10">
        <v>36.649209999999997</v>
      </c>
      <c r="E904" s="10">
        <v>36.234940000000002</v>
      </c>
      <c r="F904" s="10">
        <v>32.15231</v>
      </c>
      <c r="G904" s="10">
        <v>31.937329999999999</v>
      </c>
    </row>
    <row r="905" spans="1:7" x14ac:dyDescent="0.25">
      <c r="A905" s="10">
        <v>386</v>
      </c>
      <c r="B905" s="10">
        <v>39.738370000000003</v>
      </c>
      <c r="C905" s="10">
        <v>38.337699999999998</v>
      </c>
      <c r="D905" s="10">
        <v>36.60895</v>
      </c>
      <c r="E905" s="10">
        <v>36.22728</v>
      </c>
      <c r="F905" s="10">
        <v>32.121119999999998</v>
      </c>
      <c r="G905" s="10">
        <v>31.929300000000001</v>
      </c>
    </row>
    <row r="906" spans="1:7" x14ac:dyDescent="0.25">
      <c r="A906" s="10">
        <v>386.5</v>
      </c>
      <c r="B906" s="10">
        <v>39.716610000000003</v>
      </c>
      <c r="C906" s="10">
        <v>38.30986</v>
      </c>
      <c r="D906" s="10">
        <v>36.590949999999999</v>
      </c>
      <c r="E906" s="10">
        <v>36.185519999999997</v>
      </c>
      <c r="F906" s="10">
        <v>32.092239999999997</v>
      </c>
      <c r="G906" s="10">
        <v>31.896820000000002</v>
      </c>
    </row>
    <row r="907" spans="1:7" x14ac:dyDescent="0.25">
      <c r="A907" s="10">
        <v>387</v>
      </c>
      <c r="B907" s="10">
        <v>39.668109999999999</v>
      </c>
      <c r="C907" s="10">
        <v>38.258229999999998</v>
      </c>
      <c r="D907" s="10">
        <v>36.578940000000003</v>
      </c>
      <c r="E907" s="10">
        <v>36.159140000000001</v>
      </c>
      <c r="F907" s="10">
        <v>32.078919999999997</v>
      </c>
      <c r="G907" s="10">
        <v>31.92914</v>
      </c>
    </row>
    <row r="908" spans="1:7" x14ac:dyDescent="0.25">
      <c r="A908" s="10">
        <v>387.5</v>
      </c>
      <c r="B908" s="10">
        <v>39.623869999999997</v>
      </c>
      <c r="C908" s="10">
        <v>38.254060000000003</v>
      </c>
      <c r="D908" s="10">
        <v>36.534439999999996</v>
      </c>
      <c r="E908" s="10">
        <v>36.13767</v>
      </c>
      <c r="F908" s="10">
        <v>32.082419999999999</v>
      </c>
      <c r="G908" s="10">
        <v>31.850259999999999</v>
      </c>
    </row>
    <row r="909" spans="1:7" x14ac:dyDescent="0.25">
      <c r="A909" s="10">
        <v>388</v>
      </c>
      <c r="B909" s="10">
        <v>39.587890000000002</v>
      </c>
      <c r="C909" s="10">
        <v>38.203339999999997</v>
      </c>
      <c r="D909" s="10">
        <v>36.496940000000002</v>
      </c>
      <c r="E909" s="10">
        <v>36.100589999999997</v>
      </c>
      <c r="F909" s="10">
        <v>32.057740000000003</v>
      </c>
      <c r="G909" s="10">
        <v>31.854420000000001</v>
      </c>
    </row>
    <row r="910" spans="1:7" x14ac:dyDescent="0.25">
      <c r="A910" s="10">
        <v>388.5</v>
      </c>
      <c r="B910" s="10">
        <v>39.536920000000002</v>
      </c>
      <c r="C910" s="10">
        <v>38.182090000000002</v>
      </c>
      <c r="D910" s="10">
        <v>36.46819</v>
      </c>
      <c r="E910" s="10">
        <v>36.0749</v>
      </c>
      <c r="F910" s="10">
        <v>32.02111</v>
      </c>
      <c r="G910" s="10">
        <v>31.822120000000002</v>
      </c>
    </row>
    <row r="911" spans="1:7" x14ac:dyDescent="0.25">
      <c r="A911" s="10">
        <v>389</v>
      </c>
      <c r="B911" s="10">
        <v>39.50947</v>
      </c>
      <c r="C911" s="10">
        <v>38.1173</v>
      </c>
      <c r="D911" s="10">
        <v>36.437190000000001</v>
      </c>
      <c r="E911" s="10">
        <v>36.057870000000001</v>
      </c>
      <c r="F911" s="10">
        <v>32.006300000000003</v>
      </c>
      <c r="G911" s="10">
        <v>31.792120000000001</v>
      </c>
    </row>
    <row r="912" spans="1:7" x14ac:dyDescent="0.25">
      <c r="A912" s="10">
        <v>389.5</v>
      </c>
      <c r="B912" s="10">
        <v>39.500770000000003</v>
      </c>
      <c r="C912" s="10">
        <v>38.109470000000002</v>
      </c>
      <c r="D912" s="10">
        <v>36.40719</v>
      </c>
      <c r="E912" s="10">
        <v>36.040990000000001</v>
      </c>
      <c r="F912" s="10">
        <v>32.005800000000001</v>
      </c>
      <c r="G912" s="10">
        <v>31.767420000000001</v>
      </c>
    </row>
    <row r="913" spans="1:7" x14ac:dyDescent="0.25">
      <c r="A913" s="10">
        <v>390</v>
      </c>
      <c r="B913" s="10">
        <v>39.43159</v>
      </c>
      <c r="C913" s="10">
        <v>38.051360000000003</v>
      </c>
      <c r="D913" s="10">
        <v>36.388449999999999</v>
      </c>
      <c r="E913" s="10">
        <v>36.02225</v>
      </c>
      <c r="F913" s="10">
        <v>31.990600000000001</v>
      </c>
      <c r="G913" s="10">
        <v>31.77176</v>
      </c>
    </row>
    <row r="914" spans="1:7" x14ac:dyDescent="0.25">
      <c r="A914" s="10">
        <v>390.5</v>
      </c>
      <c r="B914" s="10">
        <v>39.38841</v>
      </c>
      <c r="C914" s="10">
        <v>38.040460000000003</v>
      </c>
      <c r="D914" s="10">
        <v>36.33446</v>
      </c>
      <c r="E914" s="10">
        <v>35.973419999999997</v>
      </c>
      <c r="F914" s="10">
        <v>31.973220000000001</v>
      </c>
      <c r="G914" s="10">
        <v>31.742889999999999</v>
      </c>
    </row>
    <row r="915" spans="1:7" x14ac:dyDescent="0.25">
      <c r="A915" s="10">
        <v>391</v>
      </c>
      <c r="B915" s="10">
        <v>39.378500000000003</v>
      </c>
      <c r="C915" s="10">
        <v>38.020769999999999</v>
      </c>
      <c r="D915" s="10">
        <v>36.30847</v>
      </c>
      <c r="E915" s="10">
        <v>35.950749999999999</v>
      </c>
      <c r="F915" s="10">
        <v>31.974640000000001</v>
      </c>
      <c r="G915" s="10">
        <v>31.753060000000001</v>
      </c>
    </row>
    <row r="916" spans="1:7" x14ac:dyDescent="0.25">
      <c r="A916" s="10">
        <v>391.5</v>
      </c>
      <c r="B916" s="10">
        <v>39.30735</v>
      </c>
      <c r="C916" s="10">
        <v>37.954540000000001</v>
      </c>
      <c r="D916" s="10">
        <v>36.275979999999997</v>
      </c>
      <c r="E916" s="10">
        <v>35.905230000000003</v>
      </c>
      <c r="F916" s="10">
        <v>31.931609999999999</v>
      </c>
      <c r="G916" s="10">
        <v>31.706769999999999</v>
      </c>
    </row>
    <row r="917" spans="1:7" x14ac:dyDescent="0.25">
      <c r="A917" s="10">
        <v>392</v>
      </c>
      <c r="B917" s="10">
        <v>39.286720000000003</v>
      </c>
      <c r="C917" s="10">
        <v>37.920290000000001</v>
      </c>
      <c r="D917" s="10">
        <v>36.262999999999998</v>
      </c>
      <c r="E917" s="10">
        <v>35.87312</v>
      </c>
      <c r="F917" s="10">
        <v>31.92089</v>
      </c>
      <c r="G917" s="10">
        <v>31.726030000000002</v>
      </c>
    </row>
    <row r="918" spans="1:7" x14ac:dyDescent="0.25">
      <c r="A918" s="10">
        <v>392.5</v>
      </c>
      <c r="B918" s="10">
        <v>39.249839999999999</v>
      </c>
      <c r="C918" s="10">
        <v>37.905749999999998</v>
      </c>
      <c r="D918" s="10">
        <v>36.232019999999999</v>
      </c>
      <c r="E918" s="10">
        <v>35.888669999999998</v>
      </c>
      <c r="F918" s="10">
        <v>31.899480000000001</v>
      </c>
      <c r="G918" s="10">
        <v>31.69107</v>
      </c>
    </row>
    <row r="919" spans="1:7" x14ac:dyDescent="0.25">
      <c r="A919" s="10">
        <v>393</v>
      </c>
      <c r="B919" s="10">
        <v>39.216230000000003</v>
      </c>
      <c r="C919" s="10">
        <v>37.869169999999997</v>
      </c>
      <c r="D919" s="10">
        <v>36.191789999999997</v>
      </c>
      <c r="E919" s="10">
        <v>35.853630000000003</v>
      </c>
      <c r="F919" s="10">
        <v>31.909610000000001</v>
      </c>
      <c r="G919" s="10">
        <v>31.657160000000001</v>
      </c>
    </row>
    <row r="920" spans="1:7" x14ac:dyDescent="0.25">
      <c r="A920" s="10">
        <v>393.5</v>
      </c>
      <c r="B920" s="10">
        <v>39.162129999999998</v>
      </c>
      <c r="C920" s="10">
        <v>37.843809999999998</v>
      </c>
      <c r="D920" s="10">
        <v>36.156820000000003</v>
      </c>
      <c r="E920" s="10">
        <v>35.811239999999998</v>
      </c>
      <c r="F920" s="10">
        <v>31.871289999999998</v>
      </c>
      <c r="G920" s="10">
        <v>31.66103</v>
      </c>
    </row>
    <row r="921" spans="1:7" x14ac:dyDescent="0.25">
      <c r="A921" s="10">
        <v>394</v>
      </c>
      <c r="B921" s="10">
        <v>39.153790000000001</v>
      </c>
      <c r="C921" s="10">
        <v>37.806170000000002</v>
      </c>
      <c r="D921" s="10">
        <v>36.148099999999999</v>
      </c>
      <c r="E921" s="10">
        <v>35.796280000000003</v>
      </c>
      <c r="F921" s="10">
        <v>31.860279999999999</v>
      </c>
      <c r="G921" s="10">
        <v>31.631450000000001</v>
      </c>
    </row>
    <row r="922" spans="1:7" x14ac:dyDescent="0.25">
      <c r="A922" s="10">
        <v>394.5</v>
      </c>
      <c r="B922" s="10">
        <v>39.069459999999999</v>
      </c>
      <c r="C922" s="10">
        <v>37.777500000000003</v>
      </c>
      <c r="D922" s="10">
        <v>36.131639999999997</v>
      </c>
      <c r="E922" s="10">
        <v>35.740720000000003</v>
      </c>
      <c r="F922" s="10">
        <v>31.832059999999998</v>
      </c>
      <c r="G922" s="10">
        <v>31.619150000000001</v>
      </c>
    </row>
    <row r="923" spans="1:7" x14ac:dyDescent="0.25">
      <c r="A923" s="10">
        <v>395</v>
      </c>
      <c r="B923" s="10">
        <v>39.038649999999997</v>
      </c>
      <c r="C923" s="10">
        <v>37.7453</v>
      </c>
      <c r="D923" s="10">
        <v>36.059420000000003</v>
      </c>
      <c r="E923" s="10">
        <v>35.719589999999997</v>
      </c>
      <c r="F923" s="10">
        <v>31.846889999999998</v>
      </c>
      <c r="G923" s="10">
        <v>31.607140000000001</v>
      </c>
    </row>
    <row r="924" spans="1:7" x14ac:dyDescent="0.25">
      <c r="A924" s="10">
        <v>395.5</v>
      </c>
      <c r="B924" s="10">
        <v>39.044589999999999</v>
      </c>
      <c r="C924" s="10">
        <v>37.702820000000003</v>
      </c>
      <c r="D924" s="10">
        <v>36.016719999999999</v>
      </c>
      <c r="E924" s="10">
        <v>35.711120000000001</v>
      </c>
      <c r="F924" s="10">
        <v>31.802009999999999</v>
      </c>
      <c r="G924" s="10">
        <v>31.56466</v>
      </c>
    </row>
    <row r="925" spans="1:7" x14ac:dyDescent="0.25">
      <c r="A925" s="10">
        <v>396</v>
      </c>
      <c r="B925" s="10">
        <v>38.974550000000001</v>
      </c>
      <c r="C925" s="10">
        <v>37.670059999999999</v>
      </c>
      <c r="D925" s="10">
        <v>36.009010000000004</v>
      </c>
      <c r="E925" s="10">
        <v>35.691569999999999</v>
      </c>
      <c r="F925" s="10">
        <v>31.80743</v>
      </c>
      <c r="G925" s="10">
        <v>31.560230000000001</v>
      </c>
    </row>
    <row r="926" spans="1:7" x14ac:dyDescent="0.25">
      <c r="A926" s="10">
        <v>396.5</v>
      </c>
      <c r="B926" s="10">
        <v>38.956530000000001</v>
      </c>
      <c r="C926" s="10">
        <v>37.639279999999999</v>
      </c>
      <c r="D926" s="10">
        <v>35.97231</v>
      </c>
      <c r="E926" s="10">
        <v>35.681440000000002</v>
      </c>
      <c r="F926" s="10">
        <v>31.777650000000001</v>
      </c>
      <c r="G926" s="10">
        <v>31.537320000000001</v>
      </c>
    </row>
    <row r="927" spans="1:7" x14ac:dyDescent="0.25">
      <c r="A927" s="10">
        <v>397</v>
      </c>
      <c r="B927" s="10">
        <v>38.929760000000002</v>
      </c>
      <c r="C927" s="10">
        <v>37.59796</v>
      </c>
      <c r="D927" s="10">
        <v>35.952620000000003</v>
      </c>
      <c r="E927" s="10">
        <v>35.64573</v>
      </c>
      <c r="F927" s="10">
        <v>31.7774</v>
      </c>
      <c r="G927" s="10">
        <v>31.5122</v>
      </c>
    </row>
    <row r="928" spans="1:7" x14ac:dyDescent="0.25">
      <c r="A928" s="10">
        <v>397.5</v>
      </c>
      <c r="B928" s="10">
        <v>38.864260000000002</v>
      </c>
      <c r="C928" s="10">
        <v>37.599119999999999</v>
      </c>
      <c r="D928" s="10">
        <v>35.897930000000002</v>
      </c>
      <c r="E928" s="10">
        <v>35.605449999999998</v>
      </c>
      <c r="F928" s="10">
        <v>31.76895</v>
      </c>
      <c r="G928" s="10">
        <v>31.528120000000001</v>
      </c>
    </row>
    <row r="929" spans="1:7" x14ac:dyDescent="0.25">
      <c r="A929" s="10">
        <v>398</v>
      </c>
      <c r="B929" s="10">
        <v>38.84478</v>
      </c>
      <c r="C929" s="10">
        <v>37.546750000000003</v>
      </c>
      <c r="D929" s="10">
        <v>35.893239999999999</v>
      </c>
      <c r="E929" s="10">
        <v>35.585329999999999</v>
      </c>
      <c r="F929" s="10">
        <v>31.73854</v>
      </c>
      <c r="G929" s="10">
        <v>31.469069999999999</v>
      </c>
    </row>
    <row r="930" spans="1:7" x14ac:dyDescent="0.25">
      <c r="A930" s="10">
        <v>398.5</v>
      </c>
      <c r="B930" s="10">
        <v>38.826799999999999</v>
      </c>
      <c r="C930" s="10">
        <v>37.506349999999998</v>
      </c>
      <c r="D930" s="10">
        <v>35.864809999999999</v>
      </c>
      <c r="E930" s="10">
        <v>35.573650000000001</v>
      </c>
      <c r="F930" s="10">
        <v>31.713159999999998</v>
      </c>
      <c r="G930" s="10">
        <v>31.46555</v>
      </c>
    </row>
    <row r="931" spans="1:7" x14ac:dyDescent="0.25">
      <c r="A931" s="10">
        <v>399</v>
      </c>
      <c r="B931" s="10">
        <v>38.772590000000001</v>
      </c>
      <c r="C931" s="10">
        <v>37.503430000000002</v>
      </c>
      <c r="D931" s="10">
        <v>35.826390000000004</v>
      </c>
      <c r="E931" s="10">
        <v>35.538139999999999</v>
      </c>
      <c r="F931" s="10">
        <v>31.721579999999999</v>
      </c>
      <c r="G931" s="10">
        <v>31.46857</v>
      </c>
    </row>
    <row r="932" spans="1:7" x14ac:dyDescent="0.25">
      <c r="A932" s="10">
        <v>399.5</v>
      </c>
      <c r="B932" s="10">
        <v>38.749890000000001</v>
      </c>
      <c r="C932" s="10">
        <v>37.451979999999999</v>
      </c>
      <c r="D932" s="10">
        <v>35.804720000000003</v>
      </c>
      <c r="E932" s="10">
        <v>35.51831</v>
      </c>
      <c r="F932" s="10">
        <v>31.711020000000001</v>
      </c>
      <c r="G932" s="10">
        <v>31.429870000000001</v>
      </c>
    </row>
    <row r="933" spans="1:7" x14ac:dyDescent="0.25">
      <c r="A933" s="10">
        <v>400</v>
      </c>
      <c r="B933" s="10">
        <v>38.690710000000003</v>
      </c>
      <c r="C933" s="10">
        <v>37.434269999999998</v>
      </c>
      <c r="D933" s="10">
        <v>35.753050000000002</v>
      </c>
      <c r="E933" s="10">
        <v>35.463169999999998</v>
      </c>
      <c r="F933" s="10">
        <v>31.691009999999999</v>
      </c>
      <c r="G933" s="10">
        <v>31.411449999999999</v>
      </c>
    </row>
    <row r="934" spans="1:7" x14ac:dyDescent="0.25">
      <c r="A934" s="10">
        <v>400.5</v>
      </c>
      <c r="B934" s="10">
        <v>38.646790000000003</v>
      </c>
      <c r="C934" s="10">
        <v>37.374270000000003</v>
      </c>
      <c r="D934" s="10">
        <v>35.729140000000001</v>
      </c>
      <c r="E934" s="10">
        <v>35.466200000000001</v>
      </c>
      <c r="F934" s="10">
        <v>31.687529999999999</v>
      </c>
      <c r="G934" s="10">
        <v>31.40306</v>
      </c>
    </row>
    <row r="935" spans="1:7" x14ac:dyDescent="0.25">
      <c r="A935" s="10">
        <v>401</v>
      </c>
      <c r="B935" s="10">
        <v>38.627630000000003</v>
      </c>
      <c r="C935" s="10">
        <v>37.349760000000003</v>
      </c>
      <c r="D935" s="10">
        <v>35.706240000000001</v>
      </c>
      <c r="E935" s="10">
        <v>35.440919999999998</v>
      </c>
      <c r="F935" s="10">
        <v>31.669830000000001</v>
      </c>
      <c r="G935" s="10">
        <v>31.408200000000001</v>
      </c>
    </row>
    <row r="936" spans="1:7" x14ac:dyDescent="0.25">
      <c r="A936" s="10">
        <v>401.5</v>
      </c>
      <c r="B936" s="10">
        <v>38.599739999999997</v>
      </c>
      <c r="C936" s="10">
        <v>37.299469999999999</v>
      </c>
      <c r="D936" s="10">
        <v>35.70384</v>
      </c>
      <c r="E936" s="10">
        <v>35.398569999999999</v>
      </c>
      <c r="F936" s="10">
        <v>31.65241</v>
      </c>
      <c r="G936" s="10">
        <v>31.358619999999998</v>
      </c>
    </row>
    <row r="937" spans="1:7" x14ac:dyDescent="0.25">
      <c r="A937" s="10">
        <v>402</v>
      </c>
      <c r="B937" s="10">
        <v>38.550609999999999</v>
      </c>
      <c r="C937" s="10">
        <v>37.268419999999999</v>
      </c>
      <c r="D937" s="10">
        <v>35.666699999999999</v>
      </c>
      <c r="E937" s="10">
        <v>35.386659999999999</v>
      </c>
      <c r="F937" s="10">
        <v>31.644279999999998</v>
      </c>
      <c r="G937" s="10">
        <v>31.34807</v>
      </c>
    </row>
    <row r="938" spans="1:7" x14ac:dyDescent="0.25">
      <c r="A938" s="10">
        <v>402.5</v>
      </c>
      <c r="B938" s="10">
        <v>38.540999999999997</v>
      </c>
      <c r="C938" s="10">
        <v>37.268839999999997</v>
      </c>
      <c r="D938" s="10">
        <v>35.609819999999999</v>
      </c>
      <c r="E938" s="10">
        <v>35.351930000000003</v>
      </c>
      <c r="F938" s="10">
        <v>31.62942</v>
      </c>
      <c r="G938" s="10">
        <v>31.345790000000001</v>
      </c>
    </row>
    <row r="939" spans="1:7" x14ac:dyDescent="0.25">
      <c r="A939" s="10">
        <v>403</v>
      </c>
      <c r="B939" s="10">
        <v>38.490900000000003</v>
      </c>
      <c r="C939" s="10">
        <v>37.220489999999998</v>
      </c>
      <c r="D939" s="10">
        <v>35.577939999999998</v>
      </c>
      <c r="E939" s="10">
        <v>35.313890000000001</v>
      </c>
      <c r="F939" s="10">
        <v>31.601089999999999</v>
      </c>
      <c r="G939" s="10">
        <v>31.298300000000001</v>
      </c>
    </row>
    <row r="940" spans="1:7" x14ac:dyDescent="0.25">
      <c r="A940" s="10">
        <v>403.5</v>
      </c>
      <c r="B940" s="10">
        <v>38.458570000000002</v>
      </c>
      <c r="C940" s="10">
        <v>37.188369999999999</v>
      </c>
      <c r="D940" s="10">
        <v>35.562570000000001</v>
      </c>
      <c r="E940" s="10">
        <v>35.299799999999998</v>
      </c>
      <c r="F940" s="10">
        <v>31.587789999999998</v>
      </c>
      <c r="G940" s="10">
        <v>31.29683</v>
      </c>
    </row>
    <row r="941" spans="1:7" x14ac:dyDescent="0.25">
      <c r="A941" s="10">
        <v>404</v>
      </c>
      <c r="B941" s="10">
        <v>38.438490000000002</v>
      </c>
      <c r="C941" s="10">
        <v>37.111739999999998</v>
      </c>
      <c r="D941" s="10">
        <v>35.515450000000001</v>
      </c>
      <c r="E941" s="10">
        <v>35.272390000000001</v>
      </c>
      <c r="F941" s="10">
        <v>31.595020000000002</v>
      </c>
      <c r="G941" s="10">
        <v>31.281140000000001</v>
      </c>
    </row>
    <row r="942" spans="1:7" x14ac:dyDescent="0.25">
      <c r="A942" s="10">
        <v>404.5</v>
      </c>
      <c r="B942" s="10">
        <v>38.364939999999997</v>
      </c>
      <c r="C942" s="10">
        <v>37.119340000000001</v>
      </c>
      <c r="D942" s="10">
        <v>35.505339999999997</v>
      </c>
      <c r="E942" s="10">
        <v>35.24268</v>
      </c>
      <c r="F942" s="10">
        <v>31.566269999999999</v>
      </c>
      <c r="G942" s="10">
        <v>31.261220000000002</v>
      </c>
    </row>
    <row r="943" spans="1:7" x14ac:dyDescent="0.25">
      <c r="A943" s="10">
        <v>405</v>
      </c>
      <c r="B943" s="10">
        <v>38.346649999999997</v>
      </c>
      <c r="C943" s="10">
        <v>37.088169999999998</v>
      </c>
      <c r="D943" s="10">
        <v>35.483240000000002</v>
      </c>
      <c r="E943" s="10">
        <v>35.194420000000001</v>
      </c>
      <c r="F943" s="10">
        <v>31.563790000000001</v>
      </c>
      <c r="G943" s="10">
        <v>31.244579999999999</v>
      </c>
    </row>
    <row r="944" spans="1:7" x14ac:dyDescent="0.25">
      <c r="A944" s="10">
        <v>405.5</v>
      </c>
      <c r="B944" s="10">
        <v>38.322620000000001</v>
      </c>
      <c r="C944" s="10">
        <v>37.039479999999998</v>
      </c>
      <c r="D944" s="10">
        <v>35.448900000000002</v>
      </c>
      <c r="E944" s="10">
        <v>35.192100000000003</v>
      </c>
      <c r="F944" s="10">
        <v>31.547830000000001</v>
      </c>
      <c r="G944" s="10">
        <v>31.234220000000001</v>
      </c>
    </row>
    <row r="945" spans="1:7" x14ac:dyDescent="0.25">
      <c r="A945" s="10">
        <v>406</v>
      </c>
      <c r="B945" s="10">
        <v>38.276110000000003</v>
      </c>
      <c r="C945" s="10">
        <v>37.019030000000001</v>
      </c>
      <c r="D945" s="10">
        <v>35.43206</v>
      </c>
      <c r="E945" s="10">
        <v>35.153469999999999</v>
      </c>
      <c r="F945" s="10">
        <v>31.543399999999998</v>
      </c>
      <c r="G945" s="10">
        <v>31.231629999999999</v>
      </c>
    </row>
    <row r="946" spans="1:7" x14ac:dyDescent="0.25">
      <c r="A946" s="10">
        <v>406.5</v>
      </c>
      <c r="B946" s="10">
        <v>38.252609999999997</v>
      </c>
      <c r="C946" s="10">
        <v>37.002809999999997</v>
      </c>
      <c r="D946" s="10">
        <v>35.407229999999998</v>
      </c>
      <c r="E946" s="10">
        <v>35.153550000000003</v>
      </c>
      <c r="F946" s="10">
        <v>31.515740000000001</v>
      </c>
      <c r="G946" s="10">
        <v>31.217310000000001</v>
      </c>
    </row>
    <row r="947" spans="1:7" x14ac:dyDescent="0.25">
      <c r="A947" s="10">
        <v>407</v>
      </c>
      <c r="B947" s="10">
        <v>38.215629999999997</v>
      </c>
      <c r="C947" s="10">
        <v>36.94708</v>
      </c>
      <c r="D947" s="10">
        <v>35.368659999999998</v>
      </c>
      <c r="E947" s="10">
        <v>35.099829999999997</v>
      </c>
      <c r="F947" s="10">
        <v>31.50459</v>
      </c>
      <c r="G947" s="10">
        <v>31.18451</v>
      </c>
    </row>
    <row r="948" spans="1:7" x14ac:dyDescent="0.25">
      <c r="A948" s="10">
        <v>407.5</v>
      </c>
      <c r="B948" s="10">
        <v>38.190669999999997</v>
      </c>
      <c r="C948" s="10">
        <v>36.906329999999997</v>
      </c>
      <c r="D948" s="10">
        <v>35.330350000000003</v>
      </c>
      <c r="E948" s="10">
        <v>35.120800000000003</v>
      </c>
      <c r="F948" s="10">
        <v>31.49371</v>
      </c>
      <c r="G948" s="10">
        <v>31.160240000000002</v>
      </c>
    </row>
    <row r="949" spans="1:7" x14ac:dyDescent="0.25">
      <c r="A949" s="10">
        <v>408</v>
      </c>
      <c r="B949" s="10">
        <v>38.13747</v>
      </c>
      <c r="C949" s="10">
        <v>36.893830000000001</v>
      </c>
      <c r="D949" s="10">
        <v>35.309289999999997</v>
      </c>
      <c r="E949" s="10">
        <v>35.057479999999998</v>
      </c>
      <c r="F949" s="10">
        <v>31.479099999999999</v>
      </c>
      <c r="G949" s="10">
        <v>31.146989999999999</v>
      </c>
    </row>
    <row r="950" spans="1:7" x14ac:dyDescent="0.25">
      <c r="A950" s="10">
        <v>408.5</v>
      </c>
      <c r="B950" s="10">
        <v>38.08278</v>
      </c>
      <c r="C950" s="10">
        <v>36.864809999999999</v>
      </c>
      <c r="D950" s="10">
        <v>35.274999999999999</v>
      </c>
      <c r="E950" s="10">
        <v>35.052869999999999</v>
      </c>
      <c r="F950" s="10">
        <v>31.47026</v>
      </c>
      <c r="G950" s="10">
        <v>31.13401</v>
      </c>
    </row>
    <row r="951" spans="1:7" x14ac:dyDescent="0.25">
      <c r="A951" s="10">
        <v>409</v>
      </c>
      <c r="B951" s="10">
        <v>38.048609999999996</v>
      </c>
      <c r="C951" s="10">
        <v>36.822270000000003</v>
      </c>
      <c r="D951" s="10">
        <v>35.231459999999998</v>
      </c>
      <c r="E951" s="10">
        <v>35.016959999999997</v>
      </c>
      <c r="F951" s="10">
        <v>31.434429999999999</v>
      </c>
      <c r="G951" s="10">
        <v>31.11505</v>
      </c>
    </row>
    <row r="952" spans="1:7" x14ac:dyDescent="0.25">
      <c r="A952" s="10">
        <v>409.5</v>
      </c>
      <c r="B952" s="10">
        <v>38.017209999999999</v>
      </c>
      <c r="C952" s="10">
        <v>36.799979999999998</v>
      </c>
      <c r="D952" s="10">
        <v>35.236930000000001</v>
      </c>
      <c r="E952" s="10">
        <v>34.980759999999997</v>
      </c>
      <c r="F952" s="10">
        <v>31.44961</v>
      </c>
      <c r="G952" s="10">
        <v>31.083860000000001</v>
      </c>
    </row>
    <row r="953" spans="1:7" x14ac:dyDescent="0.25">
      <c r="A953" s="10">
        <v>410</v>
      </c>
      <c r="B953" s="10">
        <v>37.985320000000002</v>
      </c>
      <c r="C953" s="10">
        <v>36.767679999999999</v>
      </c>
      <c r="D953" s="10">
        <v>35.175159999999998</v>
      </c>
      <c r="E953" s="10">
        <v>34.967770000000002</v>
      </c>
      <c r="F953" s="10">
        <v>31.4528</v>
      </c>
      <c r="G953" s="10">
        <v>31.074439999999999</v>
      </c>
    </row>
    <row r="954" spans="1:7" x14ac:dyDescent="0.25">
      <c r="A954" s="10">
        <v>410.5</v>
      </c>
      <c r="B954" s="10">
        <v>37.966700000000003</v>
      </c>
      <c r="C954" s="10">
        <v>36.73236</v>
      </c>
      <c r="D954" s="10">
        <v>35.181899999999999</v>
      </c>
      <c r="E954" s="10">
        <v>34.910490000000003</v>
      </c>
      <c r="F954" s="10">
        <v>31.421500000000002</v>
      </c>
      <c r="G954" s="10">
        <v>31.049790000000002</v>
      </c>
    </row>
    <row r="955" spans="1:7" x14ac:dyDescent="0.25">
      <c r="A955" s="10">
        <v>411</v>
      </c>
      <c r="B955" s="10">
        <v>37.913600000000002</v>
      </c>
      <c r="C955" s="10">
        <v>36.711039999999997</v>
      </c>
      <c r="D955" s="10">
        <v>35.155889999999999</v>
      </c>
      <c r="E955" s="10">
        <v>34.884169999999997</v>
      </c>
      <c r="F955" s="10">
        <v>31.40297</v>
      </c>
      <c r="G955" s="10">
        <v>31.059660000000001</v>
      </c>
    </row>
    <row r="956" spans="1:7" x14ac:dyDescent="0.25">
      <c r="A956" s="10">
        <v>411.5</v>
      </c>
      <c r="B956" s="10">
        <v>37.889760000000003</v>
      </c>
      <c r="C956" s="10">
        <v>36.652209999999997</v>
      </c>
      <c r="D956" s="10">
        <v>35.147649999999999</v>
      </c>
      <c r="E956" s="10">
        <v>34.868560000000002</v>
      </c>
      <c r="F956" s="10">
        <v>31.401440000000001</v>
      </c>
      <c r="G956" s="10">
        <v>31.044039999999999</v>
      </c>
    </row>
    <row r="957" spans="1:7" x14ac:dyDescent="0.25">
      <c r="A957" s="10">
        <v>412</v>
      </c>
      <c r="B957" s="10">
        <v>37.864190000000001</v>
      </c>
      <c r="C957" s="10">
        <v>36.64987</v>
      </c>
      <c r="D957" s="10">
        <v>35.085410000000003</v>
      </c>
      <c r="E957" s="10">
        <v>34.850920000000002</v>
      </c>
      <c r="F957" s="10">
        <v>31.38467</v>
      </c>
      <c r="G957" s="10">
        <v>31.014189999999999</v>
      </c>
    </row>
    <row r="958" spans="1:7" x14ac:dyDescent="0.25">
      <c r="A958" s="10">
        <v>412.5</v>
      </c>
      <c r="B958" s="10">
        <v>37.814630000000001</v>
      </c>
      <c r="C958" s="10">
        <v>36.61403</v>
      </c>
      <c r="D958" s="10">
        <v>35.030439999999999</v>
      </c>
      <c r="E958" s="10">
        <v>34.819240000000001</v>
      </c>
      <c r="F958" s="10">
        <v>31.375399999999999</v>
      </c>
      <c r="G958" s="10">
        <v>30.99061</v>
      </c>
    </row>
    <row r="959" spans="1:7" x14ac:dyDescent="0.25">
      <c r="A959" s="10">
        <v>413</v>
      </c>
      <c r="B959" s="10">
        <v>37.798589999999997</v>
      </c>
      <c r="C959" s="10">
        <v>36.565919999999998</v>
      </c>
      <c r="D959" s="10">
        <v>35.041719999999998</v>
      </c>
      <c r="E959" s="10">
        <v>34.800530000000002</v>
      </c>
      <c r="F959" s="10">
        <v>31.34714</v>
      </c>
      <c r="G959" s="10">
        <v>30.98479</v>
      </c>
    </row>
    <row r="960" spans="1:7" x14ac:dyDescent="0.25">
      <c r="A960" s="10">
        <v>413.5</v>
      </c>
      <c r="B960" s="10">
        <v>37.745069999999998</v>
      </c>
      <c r="C960" s="10">
        <v>36.536070000000002</v>
      </c>
      <c r="D960" s="10">
        <v>34.989519999999999</v>
      </c>
      <c r="E960" s="10">
        <v>34.769289999999998</v>
      </c>
      <c r="F960" s="10">
        <v>31.34863</v>
      </c>
      <c r="G960" s="10">
        <v>30.97749</v>
      </c>
    </row>
    <row r="961" spans="1:7" x14ac:dyDescent="0.25">
      <c r="A961" s="10">
        <v>414</v>
      </c>
      <c r="B961" s="10">
        <v>37.717059999999996</v>
      </c>
      <c r="C961" s="10">
        <v>36.515210000000003</v>
      </c>
      <c r="D961" s="10">
        <v>34.954070000000002</v>
      </c>
      <c r="E961" s="10">
        <v>34.743769999999998</v>
      </c>
      <c r="F961" s="10">
        <v>31.335380000000001</v>
      </c>
      <c r="G961" s="10">
        <v>30.947199999999999</v>
      </c>
    </row>
    <row r="962" spans="1:7" x14ac:dyDescent="0.25">
      <c r="A962" s="10">
        <v>414.5</v>
      </c>
      <c r="B962" s="10">
        <v>37.690820000000002</v>
      </c>
      <c r="C962" s="10">
        <v>36.452089999999998</v>
      </c>
      <c r="D962" s="10">
        <v>34.938389999999998</v>
      </c>
      <c r="E962" s="10">
        <v>34.726469999999999</v>
      </c>
      <c r="F962" s="10">
        <v>31.313379999999999</v>
      </c>
      <c r="G962" s="10">
        <v>30.951930000000001</v>
      </c>
    </row>
    <row r="963" spans="1:7" x14ac:dyDescent="0.25">
      <c r="A963" s="10">
        <v>415</v>
      </c>
      <c r="B963" s="10">
        <v>37.646850000000001</v>
      </c>
      <c r="C963" s="10">
        <v>36.469470000000001</v>
      </c>
      <c r="D963" s="10">
        <v>34.903460000000003</v>
      </c>
      <c r="E963" s="10">
        <v>34.687399999999997</v>
      </c>
      <c r="F963" s="10">
        <v>31.312370000000001</v>
      </c>
      <c r="G963" s="10">
        <v>30.933420000000002</v>
      </c>
    </row>
    <row r="964" spans="1:7" x14ac:dyDescent="0.25">
      <c r="A964" s="10">
        <v>415.5</v>
      </c>
      <c r="B964" s="10">
        <v>37.606400000000001</v>
      </c>
      <c r="C964" s="10">
        <v>36.43085</v>
      </c>
      <c r="D964" s="10">
        <v>34.882300000000001</v>
      </c>
      <c r="E964" s="10">
        <v>34.65305</v>
      </c>
      <c r="F964" s="10">
        <v>31.300370000000001</v>
      </c>
      <c r="G964" s="10">
        <v>30.905670000000001</v>
      </c>
    </row>
    <row r="965" spans="1:7" x14ac:dyDescent="0.25">
      <c r="A965" s="10">
        <v>416</v>
      </c>
      <c r="B965" s="10">
        <v>37.595709999999997</v>
      </c>
      <c r="C965" s="10">
        <v>36.382469999999998</v>
      </c>
      <c r="D965" s="10">
        <v>34.860140000000001</v>
      </c>
      <c r="E965" s="10">
        <v>34.620420000000003</v>
      </c>
      <c r="F965" s="10">
        <v>31.268360000000001</v>
      </c>
      <c r="G965" s="10">
        <v>30.893439999999998</v>
      </c>
    </row>
    <row r="966" spans="1:7" x14ac:dyDescent="0.25">
      <c r="A966" s="10">
        <v>416.5</v>
      </c>
      <c r="B966" s="10">
        <v>37.529290000000003</v>
      </c>
      <c r="C966" s="10">
        <v>36.379840000000002</v>
      </c>
      <c r="D966" s="10">
        <v>34.841500000000003</v>
      </c>
      <c r="E966" s="10">
        <v>34.620530000000002</v>
      </c>
      <c r="F966" s="10">
        <v>31.259599999999999</v>
      </c>
      <c r="G966" s="10">
        <v>30.87096</v>
      </c>
    </row>
    <row r="967" spans="1:7" x14ac:dyDescent="0.25">
      <c r="A967" s="10">
        <v>417</v>
      </c>
      <c r="B967" s="10">
        <v>37.526389999999999</v>
      </c>
      <c r="C967" s="10">
        <v>36.345469999999999</v>
      </c>
      <c r="D967" s="10">
        <v>34.784370000000003</v>
      </c>
      <c r="E967" s="10">
        <v>34.582360000000001</v>
      </c>
      <c r="F967" s="10">
        <v>31.290330000000001</v>
      </c>
      <c r="G967" s="10">
        <v>30.867000000000001</v>
      </c>
    </row>
    <row r="968" spans="1:7" x14ac:dyDescent="0.25">
      <c r="A968" s="10">
        <v>417.5</v>
      </c>
      <c r="B968" s="10">
        <v>37.463500000000003</v>
      </c>
      <c r="C968" s="10">
        <v>36.300339999999998</v>
      </c>
      <c r="D968" s="10">
        <v>34.775739999999999</v>
      </c>
      <c r="E968" s="10">
        <v>34.559170000000002</v>
      </c>
      <c r="F968" s="10">
        <v>31.233059999999998</v>
      </c>
      <c r="G968" s="10">
        <v>30.82704</v>
      </c>
    </row>
    <row r="969" spans="1:7" x14ac:dyDescent="0.25">
      <c r="A969" s="10">
        <v>418</v>
      </c>
      <c r="B969" s="10">
        <v>37.431890000000003</v>
      </c>
      <c r="C969" s="10">
        <v>36.26146</v>
      </c>
      <c r="D969" s="10">
        <v>34.741379999999999</v>
      </c>
      <c r="E969" s="10">
        <v>34.535719999999998</v>
      </c>
      <c r="F969" s="10">
        <v>31.235029999999998</v>
      </c>
      <c r="G969" s="10">
        <v>30.827349999999999</v>
      </c>
    </row>
    <row r="970" spans="1:7" x14ac:dyDescent="0.25">
      <c r="A970" s="10">
        <v>418.5</v>
      </c>
      <c r="B970" s="10">
        <v>37.440040000000003</v>
      </c>
      <c r="C970" s="10">
        <v>36.247579999999999</v>
      </c>
      <c r="D970" s="10">
        <v>34.701529999999998</v>
      </c>
      <c r="E970" s="10">
        <v>34.521740000000001</v>
      </c>
      <c r="F970" s="10">
        <v>31.226500000000001</v>
      </c>
      <c r="G970" s="10">
        <v>30.82892</v>
      </c>
    </row>
    <row r="971" spans="1:7" x14ac:dyDescent="0.25">
      <c r="A971" s="10">
        <v>419</v>
      </c>
      <c r="B971" s="10">
        <v>37.392710000000001</v>
      </c>
      <c r="C971" s="10">
        <v>36.191459999999999</v>
      </c>
      <c r="D971" s="10">
        <v>34.697200000000002</v>
      </c>
      <c r="E971" s="10">
        <v>34.488010000000003</v>
      </c>
      <c r="F971" s="10">
        <v>31.1967</v>
      </c>
      <c r="G971" s="10">
        <v>30.786740000000002</v>
      </c>
    </row>
    <row r="972" spans="1:7" x14ac:dyDescent="0.25">
      <c r="A972" s="10">
        <v>419.5</v>
      </c>
      <c r="B972" s="10">
        <v>37.337389999999999</v>
      </c>
      <c r="C972" s="10">
        <v>36.179589999999997</v>
      </c>
      <c r="D972" s="10">
        <v>34.654870000000003</v>
      </c>
      <c r="E972" s="10">
        <v>34.472000000000001</v>
      </c>
      <c r="F972" s="10">
        <v>31.183890000000002</v>
      </c>
      <c r="G972" s="10">
        <v>30.779820000000001</v>
      </c>
    </row>
    <row r="973" spans="1:7" x14ac:dyDescent="0.25">
      <c r="A973" s="10">
        <v>420</v>
      </c>
      <c r="B973" s="10">
        <v>37.333100000000002</v>
      </c>
      <c r="C973" s="10">
        <v>36.169469999999997</v>
      </c>
      <c r="D973" s="10">
        <v>34.636560000000003</v>
      </c>
      <c r="E973" s="10">
        <v>34.409239999999997</v>
      </c>
      <c r="F973" s="10">
        <v>31.179569999999998</v>
      </c>
      <c r="G973" s="10">
        <v>30.785910000000001</v>
      </c>
    </row>
    <row r="974" spans="1:7" x14ac:dyDescent="0.25">
      <c r="A974" s="10">
        <v>420.5</v>
      </c>
      <c r="B974" s="10">
        <v>37.297069999999998</v>
      </c>
      <c r="C974" s="10">
        <v>36.119100000000003</v>
      </c>
      <c r="D974" s="10">
        <v>34.596760000000003</v>
      </c>
      <c r="E974" s="10">
        <v>34.39246</v>
      </c>
      <c r="F974" s="10">
        <v>31.17324</v>
      </c>
      <c r="G974" s="10">
        <v>30.766259999999999</v>
      </c>
    </row>
    <row r="975" spans="1:7" x14ac:dyDescent="0.25">
      <c r="A975" s="10">
        <v>421</v>
      </c>
      <c r="B975" s="10">
        <v>37.269069999999999</v>
      </c>
      <c r="C975" s="10">
        <v>36.111490000000003</v>
      </c>
      <c r="D975" s="10">
        <v>34.578220000000002</v>
      </c>
      <c r="E975" s="10">
        <v>34.366930000000004</v>
      </c>
      <c r="F975" s="10">
        <v>31.148150000000001</v>
      </c>
      <c r="G975" s="10">
        <v>30.720359999999999</v>
      </c>
    </row>
    <row r="976" spans="1:7" x14ac:dyDescent="0.25">
      <c r="A976" s="10">
        <v>421.5</v>
      </c>
      <c r="B976" s="10">
        <v>37.211329999999997</v>
      </c>
      <c r="C976" s="10">
        <v>36.084130000000002</v>
      </c>
      <c r="D976" s="10">
        <v>34.53819</v>
      </c>
      <c r="E976" s="10">
        <v>34.353380000000001</v>
      </c>
      <c r="F976" s="10">
        <v>31.152290000000001</v>
      </c>
      <c r="G976" s="10">
        <v>30.71022</v>
      </c>
    </row>
    <row r="977" spans="1:7" x14ac:dyDescent="0.25">
      <c r="A977" s="10">
        <v>422</v>
      </c>
      <c r="B977" s="10">
        <v>37.186109999999999</v>
      </c>
      <c r="C977" s="10">
        <v>36.043779999999998</v>
      </c>
      <c r="D977" s="10">
        <v>34.52693</v>
      </c>
      <c r="E977" s="10">
        <v>34.340580000000003</v>
      </c>
      <c r="F977" s="10">
        <v>31.13616</v>
      </c>
      <c r="G977" s="10">
        <v>30.734580000000001</v>
      </c>
    </row>
    <row r="978" spans="1:7" x14ac:dyDescent="0.25">
      <c r="A978" s="10">
        <v>422.5</v>
      </c>
      <c r="B978" s="10">
        <v>37.147150000000003</v>
      </c>
      <c r="C978" s="10">
        <v>35.997439999999997</v>
      </c>
      <c r="D978" s="10">
        <v>34.48818</v>
      </c>
      <c r="E978" s="10">
        <v>34.284280000000003</v>
      </c>
      <c r="F978" s="10">
        <v>31.136759999999999</v>
      </c>
      <c r="G978" s="10">
        <v>30.669450000000001</v>
      </c>
    </row>
    <row r="979" spans="1:7" x14ac:dyDescent="0.25">
      <c r="A979" s="10">
        <v>423</v>
      </c>
      <c r="B979" s="10">
        <v>37.126719999999999</v>
      </c>
      <c r="C979" s="10">
        <v>35.974600000000002</v>
      </c>
      <c r="D979" s="10">
        <v>34.482689999999998</v>
      </c>
      <c r="E979" s="10">
        <v>34.279719999999998</v>
      </c>
      <c r="F979" s="10">
        <v>31.119599999999998</v>
      </c>
      <c r="G979" s="10">
        <v>30.660820000000001</v>
      </c>
    </row>
    <row r="980" spans="1:7" x14ac:dyDescent="0.25">
      <c r="A980" s="10">
        <v>423.5</v>
      </c>
      <c r="B980" s="10">
        <v>37.112810000000003</v>
      </c>
      <c r="C980" s="10">
        <v>35.939019999999999</v>
      </c>
      <c r="D980" s="10">
        <v>34.43421</v>
      </c>
      <c r="E980" s="10">
        <v>34.24165</v>
      </c>
      <c r="F980" s="10">
        <v>31.11617</v>
      </c>
      <c r="G980" s="10">
        <v>30.64669</v>
      </c>
    </row>
    <row r="981" spans="1:7" x14ac:dyDescent="0.25">
      <c r="A981" s="10">
        <v>424</v>
      </c>
      <c r="B981" s="10">
        <v>37.095910000000003</v>
      </c>
      <c r="C981" s="10">
        <v>35.904449999999997</v>
      </c>
      <c r="D981" s="10">
        <v>34.437750000000001</v>
      </c>
      <c r="E981" s="10">
        <v>34.225340000000003</v>
      </c>
      <c r="F981" s="10">
        <v>31.06671</v>
      </c>
      <c r="G981" s="10">
        <v>30.641819999999999</v>
      </c>
    </row>
    <row r="982" spans="1:7" x14ac:dyDescent="0.25">
      <c r="A982" s="10">
        <v>424.5</v>
      </c>
      <c r="B982" s="10">
        <v>37.008540000000004</v>
      </c>
      <c r="C982" s="10">
        <v>35.854390000000002</v>
      </c>
      <c r="D982" s="10">
        <v>34.40455</v>
      </c>
      <c r="E982" s="10">
        <v>34.199530000000003</v>
      </c>
      <c r="F982" s="10">
        <v>31.072980000000001</v>
      </c>
      <c r="G982" s="10">
        <v>30.63569</v>
      </c>
    </row>
    <row r="983" spans="1:7" x14ac:dyDescent="0.25">
      <c r="A983" s="10">
        <v>425</v>
      </c>
      <c r="B983" s="10">
        <v>36.996929999999999</v>
      </c>
      <c r="C983" s="10">
        <v>35.86159</v>
      </c>
      <c r="D983" s="10">
        <v>34.374369999999999</v>
      </c>
      <c r="E983" s="10">
        <v>34.177720000000001</v>
      </c>
      <c r="F983" s="10">
        <v>31.081479999999999</v>
      </c>
      <c r="G983" s="10">
        <v>30.628319999999999</v>
      </c>
    </row>
    <row r="984" spans="1:7" x14ac:dyDescent="0.25">
      <c r="A984" s="10">
        <v>425.5</v>
      </c>
      <c r="B984" s="10">
        <v>36.984589999999997</v>
      </c>
      <c r="C984" s="10">
        <v>35.821550000000002</v>
      </c>
      <c r="D984" s="10">
        <v>34.341439999999999</v>
      </c>
      <c r="E984" s="10">
        <v>34.137160000000002</v>
      </c>
      <c r="F984" s="10">
        <v>31.082709999999999</v>
      </c>
      <c r="G984" s="10">
        <v>30.5962</v>
      </c>
    </row>
    <row r="985" spans="1:7" x14ac:dyDescent="0.25">
      <c r="A985" s="10">
        <v>426</v>
      </c>
      <c r="B985" s="10">
        <v>36.950780000000002</v>
      </c>
      <c r="C985" s="10">
        <v>35.772770000000001</v>
      </c>
      <c r="D985" s="10">
        <v>34.346789999999999</v>
      </c>
      <c r="E985" s="10">
        <v>34.107849999999999</v>
      </c>
      <c r="F985" s="10">
        <v>31.026409999999998</v>
      </c>
      <c r="G985" s="10">
        <v>30.611080000000001</v>
      </c>
    </row>
    <row r="986" spans="1:7" x14ac:dyDescent="0.25">
      <c r="A986" s="10">
        <v>426.5</v>
      </c>
      <c r="B986" s="10">
        <v>36.92398</v>
      </c>
      <c r="C986" s="10">
        <v>35.735750000000003</v>
      </c>
      <c r="D986" s="10">
        <v>34.299390000000002</v>
      </c>
      <c r="E986" s="10">
        <v>34.115560000000002</v>
      </c>
      <c r="F986" s="10">
        <v>31.049330000000001</v>
      </c>
      <c r="G986" s="10">
        <v>30.56521</v>
      </c>
    </row>
    <row r="987" spans="1:7" x14ac:dyDescent="0.25">
      <c r="A987" s="10">
        <v>427</v>
      </c>
      <c r="B987" s="10">
        <v>36.899949999999997</v>
      </c>
      <c r="C987" s="10">
        <v>35.72625</v>
      </c>
      <c r="D987" s="10">
        <v>34.26276</v>
      </c>
      <c r="E987" s="10">
        <v>34.068260000000002</v>
      </c>
      <c r="F987" s="10">
        <v>31.028970000000001</v>
      </c>
      <c r="G987" s="10">
        <v>30.561589999999999</v>
      </c>
    </row>
    <row r="988" spans="1:7" x14ac:dyDescent="0.25">
      <c r="A988" s="10">
        <v>427.5</v>
      </c>
      <c r="B988" s="10">
        <v>36.848950000000002</v>
      </c>
      <c r="C988" s="10">
        <v>35.710760000000001</v>
      </c>
      <c r="D988" s="10">
        <v>34.260649999999998</v>
      </c>
      <c r="E988" s="10">
        <v>34.054479999999998</v>
      </c>
      <c r="F988" s="10">
        <v>31.031839999999999</v>
      </c>
      <c r="G988" s="10">
        <v>30.557960000000001</v>
      </c>
    </row>
    <row r="989" spans="1:7" x14ac:dyDescent="0.25">
      <c r="A989" s="10">
        <v>428</v>
      </c>
      <c r="B989" s="10">
        <v>36.835209999999996</v>
      </c>
      <c r="C989" s="10">
        <v>35.675780000000003</v>
      </c>
      <c r="D989" s="10">
        <v>34.210549999999998</v>
      </c>
      <c r="E989" s="10">
        <v>34.029960000000003</v>
      </c>
      <c r="F989" s="10">
        <v>30.985420000000001</v>
      </c>
      <c r="G989" s="10">
        <v>30.52308</v>
      </c>
    </row>
    <row r="990" spans="1:7" x14ac:dyDescent="0.25">
      <c r="A990" s="10">
        <v>428.5</v>
      </c>
      <c r="B990" s="10">
        <v>36.785490000000003</v>
      </c>
      <c r="C990" s="10">
        <v>35.619309999999999</v>
      </c>
      <c r="D990" s="10">
        <v>34.196210000000001</v>
      </c>
      <c r="E990" s="10">
        <v>33.994450000000001</v>
      </c>
      <c r="F990" s="10">
        <v>30.99372</v>
      </c>
      <c r="G990" s="10">
        <v>30.4742</v>
      </c>
    </row>
    <row r="991" spans="1:7" x14ac:dyDescent="0.25">
      <c r="A991" s="10">
        <v>429</v>
      </c>
      <c r="B991" s="10">
        <v>36.758800000000001</v>
      </c>
      <c r="C991" s="10">
        <v>35.606360000000002</v>
      </c>
      <c r="D991" s="10">
        <v>34.155639999999998</v>
      </c>
      <c r="E991" s="10">
        <v>33.959710000000001</v>
      </c>
      <c r="F991" s="10">
        <v>30.982990000000001</v>
      </c>
      <c r="G991" s="10">
        <v>30.496320000000001</v>
      </c>
    </row>
    <row r="992" spans="1:7" x14ac:dyDescent="0.25">
      <c r="A992" s="10">
        <v>429.5</v>
      </c>
      <c r="B992" s="10">
        <v>36.720869999999998</v>
      </c>
      <c r="C992" s="10">
        <v>35.583930000000002</v>
      </c>
      <c r="D992" s="10">
        <v>34.133580000000002</v>
      </c>
      <c r="E992" s="10">
        <v>33.943219999999997</v>
      </c>
      <c r="F992" s="10">
        <v>30.97448</v>
      </c>
      <c r="G992" s="10">
        <v>30.478179999999998</v>
      </c>
    </row>
    <row r="993" spans="1:7" x14ac:dyDescent="0.25">
      <c r="A993" s="10">
        <v>430</v>
      </c>
      <c r="B993" s="10">
        <v>36.687959999999997</v>
      </c>
      <c r="C993" s="10">
        <v>35.534520000000001</v>
      </c>
      <c r="D993" s="10">
        <v>34.113289999999999</v>
      </c>
      <c r="E993" s="10">
        <v>33.930259999999997</v>
      </c>
      <c r="F993" s="10">
        <v>30.985669999999999</v>
      </c>
      <c r="G993" s="10">
        <v>30.477540000000001</v>
      </c>
    </row>
    <row r="994" spans="1:7" x14ac:dyDescent="0.25">
      <c r="A994" s="10">
        <v>430.5</v>
      </c>
      <c r="B994" s="10">
        <v>36.669580000000003</v>
      </c>
      <c r="C994" s="10">
        <v>35.515619999999998</v>
      </c>
      <c r="D994" s="10">
        <v>34.084020000000002</v>
      </c>
      <c r="E994" s="10">
        <v>33.896560000000001</v>
      </c>
      <c r="F994" s="10">
        <v>30.96584</v>
      </c>
      <c r="G994" s="10">
        <v>30.464639999999999</v>
      </c>
    </row>
    <row r="995" spans="1:7" x14ac:dyDescent="0.25">
      <c r="A995" s="10">
        <v>431</v>
      </c>
      <c r="B995" s="10">
        <v>36.659210000000002</v>
      </c>
      <c r="C995" s="10">
        <v>35.49324</v>
      </c>
      <c r="D995" s="10">
        <v>34.06626</v>
      </c>
      <c r="E995" s="10">
        <v>33.887129999999999</v>
      </c>
      <c r="F995" s="10">
        <v>30.92671</v>
      </c>
      <c r="G995" s="10">
        <v>30.45599</v>
      </c>
    </row>
    <row r="996" spans="1:7" x14ac:dyDescent="0.25">
      <c r="A996" s="10">
        <v>431.5</v>
      </c>
      <c r="B996" s="10">
        <v>36.621369999999999</v>
      </c>
      <c r="C996" s="10">
        <v>35.468870000000003</v>
      </c>
      <c r="D996" s="10">
        <v>34.036259999999999</v>
      </c>
      <c r="E996" s="10">
        <v>33.854469999999999</v>
      </c>
      <c r="F996" s="10">
        <v>30.931550000000001</v>
      </c>
      <c r="G996" s="10">
        <v>30.423079999999999</v>
      </c>
    </row>
    <row r="997" spans="1:7" x14ac:dyDescent="0.25">
      <c r="A997" s="10">
        <v>432</v>
      </c>
      <c r="B997" s="10">
        <v>36.565550000000002</v>
      </c>
      <c r="C997" s="10">
        <v>35.443530000000003</v>
      </c>
      <c r="D997" s="10">
        <v>34.016280000000002</v>
      </c>
      <c r="E997" s="10">
        <v>33.821080000000002</v>
      </c>
      <c r="F997" s="10">
        <v>30.925850000000001</v>
      </c>
      <c r="G997" s="10">
        <v>30.423410000000001</v>
      </c>
    </row>
    <row r="998" spans="1:7" x14ac:dyDescent="0.25">
      <c r="A998" s="10">
        <v>432.5</v>
      </c>
      <c r="B998" s="10">
        <v>36.509500000000003</v>
      </c>
      <c r="C998" s="10">
        <v>35.419710000000002</v>
      </c>
      <c r="D998" s="10">
        <v>33.984070000000003</v>
      </c>
      <c r="E998" s="10">
        <v>33.813220000000001</v>
      </c>
      <c r="F998" s="10">
        <v>30.90335</v>
      </c>
      <c r="G998" s="10">
        <v>30.390989999999999</v>
      </c>
    </row>
    <row r="999" spans="1:7" x14ac:dyDescent="0.25">
      <c r="A999" s="10">
        <v>433</v>
      </c>
      <c r="B999" s="10">
        <v>36.499969999999998</v>
      </c>
      <c r="C999" s="10">
        <v>35.374650000000003</v>
      </c>
      <c r="D999" s="10">
        <v>33.940370000000001</v>
      </c>
      <c r="E999" s="10">
        <v>33.790129999999998</v>
      </c>
      <c r="F999" s="10">
        <v>30.914570000000001</v>
      </c>
      <c r="G999" s="10">
        <v>30.377549999999999</v>
      </c>
    </row>
    <row r="1000" spans="1:7" x14ac:dyDescent="0.25">
      <c r="A1000" s="10">
        <v>433.5</v>
      </c>
      <c r="B1000" s="10">
        <v>36.489710000000002</v>
      </c>
      <c r="C1000" s="10">
        <v>35.315869999999997</v>
      </c>
      <c r="D1000" s="10">
        <v>33.946939999999998</v>
      </c>
      <c r="E1000" s="10">
        <v>33.727069999999998</v>
      </c>
      <c r="F1000" s="10">
        <v>30.894490000000001</v>
      </c>
      <c r="G1000" s="10">
        <v>30.374110000000002</v>
      </c>
    </row>
    <row r="1001" spans="1:7" x14ac:dyDescent="0.25">
      <c r="A1001" s="10">
        <v>434</v>
      </c>
      <c r="B1001" s="10">
        <v>36.448219999999999</v>
      </c>
      <c r="C1001" s="10">
        <v>35.316110000000002</v>
      </c>
      <c r="D1001" s="10">
        <v>33.927030000000002</v>
      </c>
      <c r="E1001" s="10">
        <v>33.716529999999999</v>
      </c>
      <c r="F1001" s="10">
        <v>30.863859999999999</v>
      </c>
      <c r="G1001" s="10">
        <v>30.370909999999999</v>
      </c>
    </row>
    <row r="1002" spans="1:7" x14ac:dyDescent="0.25">
      <c r="A1002" s="10">
        <v>434.5</v>
      </c>
      <c r="B1002" s="10">
        <v>36.417999999999999</v>
      </c>
      <c r="C1002" s="10">
        <v>35.287379999999999</v>
      </c>
      <c r="D1002" s="10">
        <v>33.892380000000003</v>
      </c>
      <c r="E1002" s="10">
        <v>33.701770000000003</v>
      </c>
      <c r="F1002" s="10">
        <v>30.85219</v>
      </c>
      <c r="G1002" s="10">
        <v>30.340440000000001</v>
      </c>
    </row>
    <row r="1003" spans="1:7" x14ac:dyDescent="0.25">
      <c r="A1003" s="10">
        <v>435</v>
      </c>
      <c r="B1003" s="10">
        <v>36.405560000000001</v>
      </c>
      <c r="C1003" s="10">
        <v>35.278910000000003</v>
      </c>
      <c r="D1003" s="10">
        <v>33.883000000000003</v>
      </c>
      <c r="E1003" s="10">
        <v>33.676549999999999</v>
      </c>
      <c r="F1003" s="10">
        <v>30.848970000000001</v>
      </c>
      <c r="G1003" s="10">
        <v>30.358470000000001</v>
      </c>
    </row>
    <row r="1004" spans="1:7" x14ac:dyDescent="0.25">
      <c r="A1004" s="10">
        <v>435.5</v>
      </c>
      <c r="B1004" s="10">
        <v>36.35989</v>
      </c>
      <c r="C1004" s="10">
        <v>35.221969999999999</v>
      </c>
      <c r="D1004" s="10">
        <v>33.822879999999998</v>
      </c>
      <c r="E1004" s="10">
        <v>33.647350000000003</v>
      </c>
      <c r="F1004" s="10">
        <v>30.848960000000002</v>
      </c>
      <c r="G1004" s="10">
        <v>30.328980000000001</v>
      </c>
    </row>
    <row r="1005" spans="1:7" x14ac:dyDescent="0.25">
      <c r="A1005" s="10">
        <v>436</v>
      </c>
      <c r="B1005" s="10">
        <v>36.340739999999997</v>
      </c>
      <c r="C1005" s="10">
        <v>35.201059999999998</v>
      </c>
      <c r="D1005" s="10">
        <v>33.819789999999998</v>
      </c>
      <c r="E1005" s="10">
        <v>33.619689999999999</v>
      </c>
      <c r="F1005" s="10">
        <v>30.81664</v>
      </c>
      <c r="G1005" s="10">
        <v>30.284490000000002</v>
      </c>
    </row>
    <row r="1006" spans="1:7" x14ac:dyDescent="0.25">
      <c r="A1006" s="10">
        <v>436.5</v>
      </c>
      <c r="B1006" s="10">
        <v>36.308860000000003</v>
      </c>
      <c r="C1006" s="10">
        <v>35.167670000000001</v>
      </c>
      <c r="D1006" s="10">
        <v>33.781959999999998</v>
      </c>
      <c r="E1006" s="10">
        <v>33.605559999999997</v>
      </c>
      <c r="F1006" s="10">
        <v>30.818519999999999</v>
      </c>
      <c r="G1006" s="10">
        <v>30.29748</v>
      </c>
    </row>
    <row r="1007" spans="1:7" x14ac:dyDescent="0.25">
      <c r="A1007" s="10">
        <v>437</v>
      </c>
      <c r="B1007" s="10">
        <v>36.28575</v>
      </c>
      <c r="C1007" s="10">
        <v>35.152799999999999</v>
      </c>
      <c r="D1007" s="10">
        <v>33.743389999999998</v>
      </c>
      <c r="E1007" s="10">
        <v>33.569719999999997</v>
      </c>
      <c r="F1007" s="10">
        <v>30.80611</v>
      </c>
      <c r="G1007" s="10">
        <v>30.277200000000001</v>
      </c>
    </row>
    <row r="1008" spans="1:7" x14ac:dyDescent="0.25">
      <c r="A1008" s="10">
        <v>437.5</v>
      </c>
      <c r="B1008" s="10">
        <v>36.244169999999997</v>
      </c>
      <c r="C1008" s="10">
        <v>35.12697</v>
      </c>
      <c r="D1008" s="10">
        <v>33.729849999999999</v>
      </c>
      <c r="E1008" s="10">
        <v>33.586919999999999</v>
      </c>
      <c r="F1008" s="10">
        <v>30.778390000000002</v>
      </c>
      <c r="G1008" s="10">
        <v>30.272919999999999</v>
      </c>
    </row>
    <row r="1009" spans="1:7" x14ac:dyDescent="0.25">
      <c r="A1009" s="10">
        <v>438</v>
      </c>
      <c r="B1009" s="10">
        <v>36.210859999999997</v>
      </c>
      <c r="C1009" s="10">
        <v>35.10266</v>
      </c>
      <c r="D1009" s="10">
        <v>33.714820000000003</v>
      </c>
      <c r="E1009" s="10">
        <v>33.543900000000001</v>
      </c>
      <c r="F1009" s="10">
        <v>30.790109999999999</v>
      </c>
      <c r="G1009" s="10">
        <v>30.232620000000001</v>
      </c>
    </row>
    <row r="1010" spans="1:7" x14ac:dyDescent="0.25">
      <c r="A1010" s="10">
        <v>438.5</v>
      </c>
      <c r="B1010" s="10">
        <v>36.189819999999997</v>
      </c>
      <c r="C1010" s="10">
        <v>35.05462</v>
      </c>
      <c r="D1010" s="10">
        <v>33.686309999999999</v>
      </c>
      <c r="E1010" s="10">
        <v>33.509430000000002</v>
      </c>
      <c r="F1010" s="10">
        <v>30.77928</v>
      </c>
      <c r="G1010" s="10">
        <v>30.212050000000001</v>
      </c>
    </row>
    <row r="1011" spans="1:7" x14ac:dyDescent="0.25">
      <c r="A1011" s="10">
        <v>439</v>
      </c>
      <c r="B1011" s="10">
        <v>36.150550000000003</v>
      </c>
      <c r="C1011" s="10">
        <v>35.038119999999999</v>
      </c>
      <c r="D1011" s="10">
        <v>33.651820000000001</v>
      </c>
      <c r="E1011" s="10">
        <v>33.484490000000001</v>
      </c>
      <c r="F1011" s="10">
        <v>30.748899999999999</v>
      </c>
      <c r="G1011" s="10">
        <v>30.194469999999999</v>
      </c>
    </row>
    <row r="1012" spans="1:7" x14ac:dyDescent="0.25">
      <c r="A1012" s="10">
        <v>439.5</v>
      </c>
      <c r="B1012" s="10">
        <v>36.132060000000003</v>
      </c>
      <c r="C1012" s="10">
        <v>35.026649999999997</v>
      </c>
      <c r="D1012" s="10">
        <v>33.651850000000003</v>
      </c>
      <c r="E1012" s="10">
        <v>33.458599999999997</v>
      </c>
      <c r="F1012" s="10">
        <v>30.751200000000001</v>
      </c>
      <c r="G1012" s="10">
        <v>30.176870000000001</v>
      </c>
    </row>
    <row r="1013" spans="1:7" x14ac:dyDescent="0.25">
      <c r="A1013" s="10">
        <v>440</v>
      </c>
      <c r="B1013" s="10">
        <v>36.106589999999997</v>
      </c>
      <c r="C1013" s="10">
        <v>34.976700000000001</v>
      </c>
      <c r="D1013" s="10">
        <v>33.610889999999998</v>
      </c>
      <c r="E1013" s="10">
        <v>33.44726</v>
      </c>
      <c r="F1013" s="10">
        <v>30.7302</v>
      </c>
      <c r="G1013" s="10">
        <v>30.181249999999999</v>
      </c>
    </row>
    <row r="1014" spans="1:7" x14ac:dyDescent="0.25">
      <c r="A1014" s="10">
        <v>440.5</v>
      </c>
      <c r="B1014" s="10">
        <v>36.076639999999998</v>
      </c>
      <c r="C1014" s="10">
        <v>34.961289999999998</v>
      </c>
      <c r="D1014" s="10">
        <v>33.57246</v>
      </c>
      <c r="E1014" s="10">
        <v>33.400709999999997</v>
      </c>
      <c r="F1014" s="10">
        <v>30.726389999999999</v>
      </c>
      <c r="G1014" s="10">
        <v>30.17812</v>
      </c>
    </row>
    <row r="1015" spans="1:7" x14ac:dyDescent="0.25">
      <c r="A1015" s="10">
        <v>441</v>
      </c>
      <c r="B1015" s="10">
        <v>36.052219999999998</v>
      </c>
      <c r="C1015" s="10">
        <v>34.967660000000002</v>
      </c>
      <c r="D1015" s="10">
        <v>33.527540000000002</v>
      </c>
      <c r="E1015" s="10">
        <v>33.383960000000002</v>
      </c>
      <c r="F1015" s="10">
        <v>30.719259999999998</v>
      </c>
      <c r="G1015" s="10">
        <v>30.16047</v>
      </c>
    </row>
    <row r="1016" spans="1:7" x14ac:dyDescent="0.25">
      <c r="A1016" s="10">
        <v>441.5</v>
      </c>
      <c r="B1016" s="10">
        <v>35.995060000000002</v>
      </c>
      <c r="C1016" s="10">
        <v>34.907559999999997</v>
      </c>
      <c r="D1016" s="10">
        <v>33.522889999999997</v>
      </c>
      <c r="E1016" s="10">
        <v>33.374499999999998</v>
      </c>
      <c r="F1016" s="10">
        <v>30.718579999999999</v>
      </c>
      <c r="G1016" s="10">
        <v>30.146049999999999</v>
      </c>
    </row>
    <row r="1017" spans="1:7" x14ac:dyDescent="0.25">
      <c r="A1017" s="10">
        <v>442</v>
      </c>
      <c r="B1017" s="10">
        <v>35.972940000000001</v>
      </c>
      <c r="C1017" s="10">
        <v>34.884740000000001</v>
      </c>
      <c r="D1017" s="10">
        <v>33.53651</v>
      </c>
      <c r="E1017" s="10">
        <v>33.340350000000001</v>
      </c>
      <c r="F1017" s="10">
        <v>30.686330000000002</v>
      </c>
      <c r="G1017" s="10">
        <v>30.117360000000001</v>
      </c>
    </row>
    <row r="1018" spans="1:7" x14ac:dyDescent="0.25">
      <c r="A1018" s="10">
        <v>442.5</v>
      </c>
      <c r="B1018" s="10">
        <v>35.944330000000001</v>
      </c>
      <c r="C1018" s="10">
        <v>34.864710000000002</v>
      </c>
      <c r="D1018" s="10">
        <v>33.479149999999997</v>
      </c>
      <c r="E1018" s="10">
        <v>33.329500000000003</v>
      </c>
      <c r="F1018" s="10">
        <v>30.675260000000002</v>
      </c>
      <c r="G1018" s="10">
        <v>30.133400000000002</v>
      </c>
    </row>
    <row r="1019" spans="1:7" x14ac:dyDescent="0.25">
      <c r="A1019" s="10">
        <v>443</v>
      </c>
      <c r="B1019" s="10">
        <v>35.9435</v>
      </c>
      <c r="C1019" s="10">
        <v>34.823210000000003</v>
      </c>
      <c r="D1019" s="10">
        <v>33.465310000000002</v>
      </c>
      <c r="E1019" s="10">
        <v>33.299199999999999</v>
      </c>
      <c r="F1019" s="10">
        <v>30.67163</v>
      </c>
      <c r="G1019" s="10">
        <v>30.09168</v>
      </c>
    </row>
    <row r="1020" spans="1:7" x14ac:dyDescent="0.25">
      <c r="A1020" s="10">
        <v>443.5</v>
      </c>
      <c r="B1020" s="10">
        <v>35.896189999999997</v>
      </c>
      <c r="C1020" s="10">
        <v>34.79824</v>
      </c>
      <c r="D1020" s="10">
        <v>33.454990000000002</v>
      </c>
      <c r="E1020" s="10">
        <v>33.263959999999997</v>
      </c>
      <c r="F1020" s="10">
        <v>30.63944</v>
      </c>
      <c r="G1020" s="10">
        <v>30.04768</v>
      </c>
    </row>
    <row r="1021" spans="1:7" x14ac:dyDescent="0.25">
      <c r="A1021" s="10">
        <v>444</v>
      </c>
      <c r="B1021" s="10">
        <v>35.870660000000001</v>
      </c>
      <c r="C1021" s="10">
        <v>34.76681</v>
      </c>
      <c r="D1021" s="10">
        <v>33.422939999999997</v>
      </c>
      <c r="E1021" s="10">
        <v>33.250019999999999</v>
      </c>
      <c r="F1021" s="10">
        <v>30.62792</v>
      </c>
      <c r="G1021" s="10">
        <v>30.0824</v>
      </c>
    </row>
    <row r="1022" spans="1:7" x14ac:dyDescent="0.25">
      <c r="A1022" s="10">
        <v>444.5</v>
      </c>
      <c r="B1022" s="10">
        <v>35.858150000000002</v>
      </c>
      <c r="C1022" s="10">
        <v>34.738169999999997</v>
      </c>
      <c r="D1022" s="10">
        <v>33.388150000000003</v>
      </c>
      <c r="E1022" s="10">
        <v>33.227139999999999</v>
      </c>
      <c r="F1022" s="10">
        <v>30.646840000000001</v>
      </c>
      <c r="G1022" s="10">
        <v>30.06061</v>
      </c>
    </row>
    <row r="1023" spans="1:7" x14ac:dyDescent="0.25">
      <c r="A1023" s="10">
        <v>445</v>
      </c>
      <c r="B1023" s="10">
        <v>35.802660000000003</v>
      </c>
      <c r="C1023" s="10">
        <v>34.732309999999998</v>
      </c>
      <c r="D1023" s="10">
        <v>33.359639999999999</v>
      </c>
      <c r="E1023" s="10">
        <v>33.219070000000002</v>
      </c>
      <c r="F1023" s="10">
        <v>30.62293</v>
      </c>
      <c r="G1023" s="10">
        <v>30.02854</v>
      </c>
    </row>
    <row r="1024" spans="1:7" x14ac:dyDescent="0.25">
      <c r="A1024" s="10">
        <v>445.5</v>
      </c>
      <c r="B1024" s="10">
        <v>35.784199999999998</v>
      </c>
      <c r="C1024" s="10">
        <v>34.688740000000003</v>
      </c>
      <c r="D1024" s="10">
        <v>33.3249</v>
      </c>
      <c r="E1024" s="10">
        <v>33.167560000000002</v>
      </c>
      <c r="F1024" s="10">
        <v>30.598960000000002</v>
      </c>
      <c r="G1024" s="10">
        <v>30.029199999999999</v>
      </c>
    </row>
    <row r="1025" spans="1:7" x14ac:dyDescent="0.25">
      <c r="A1025" s="10">
        <v>446</v>
      </c>
      <c r="B1025" s="10">
        <v>35.758510000000001</v>
      </c>
      <c r="C1025" s="10">
        <v>34.656210000000002</v>
      </c>
      <c r="D1025" s="10">
        <v>33.33043</v>
      </c>
      <c r="E1025" s="10">
        <v>33.154609999999998</v>
      </c>
      <c r="F1025" s="10">
        <v>30.604659999999999</v>
      </c>
      <c r="G1025" s="10">
        <v>30.02384</v>
      </c>
    </row>
    <row r="1026" spans="1:7" x14ac:dyDescent="0.25">
      <c r="A1026" s="10">
        <v>446.5</v>
      </c>
      <c r="B1026" s="10">
        <v>35.725099999999998</v>
      </c>
      <c r="C1026" s="10">
        <v>34.610219999999998</v>
      </c>
      <c r="D1026" s="10">
        <v>33.264969999999998</v>
      </c>
      <c r="E1026" s="10">
        <v>33.140479999999997</v>
      </c>
      <c r="F1026" s="10">
        <v>30.595279999999999</v>
      </c>
      <c r="G1026" s="10">
        <v>30.013200000000001</v>
      </c>
    </row>
    <row r="1027" spans="1:7" x14ac:dyDescent="0.25">
      <c r="A1027" s="10">
        <v>447</v>
      </c>
      <c r="B1027" s="10">
        <v>35.68421</v>
      </c>
      <c r="C1027" s="10">
        <v>34.647759999999998</v>
      </c>
      <c r="D1027" s="10">
        <v>33.263539999999999</v>
      </c>
      <c r="E1027" s="10">
        <v>33.110900000000001</v>
      </c>
      <c r="F1027" s="10">
        <v>30.566579999999998</v>
      </c>
      <c r="G1027" s="10">
        <v>30.008279999999999</v>
      </c>
    </row>
    <row r="1028" spans="1:7" x14ac:dyDescent="0.25">
      <c r="A1028" s="10">
        <v>447.5</v>
      </c>
      <c r="B1028" s="10">
        <v>35.690100000000001</v>
      </c>
      <c r="C1028" s="10">
        <v>34.589599999999997</v>
      </c>
      <c r="D1028" s="10">
        <v>33.251379999999997</v>
      </c>
      <c r="E1028" s="10">
        <v>33.0809</v>
      </c>
      <c r="F1028" s="10">
        <v>30.552309999999999</v>
      </c>
      <c r="G1028" s="10">
        <v>29.986339999999998</v>
      </c>
    </row>
    <row r="1029" spans="1:7" x14ac:dyDescent="0.25">
      <c r="A1029" s="10">
        <v>448</v>
      </c>
      <c r="B1029" s="10">
        <v>35.639760000000003</v>
      </c>
      <c r="C1029" s="10">
        <v>34.562730000000002</v>
      </c>
      <c r="D1029" s="10">
        <v>33.237990000000003</v>
      </c>
      <c r="E1029" s="10">
        <v>33.083460000000002</v>
      </c>
      <c r="F1029" s="10">
        <v>30.535959999999999</v>
      </c>
      <c r="G1029" s="10">
        <v>29.951630000000002</v>
      </c>
    </row>
    <row r="1030" spans="1:7" x14ac:dyDescent="0.25">
      <c r="A1030" s="10">
        <v>448.5</v>
      </c>
      <c r="B1030" s="10">
        <v>35.612189999999998</v>
      </c>
      <c r="C1030" s="10">
        <v>34.528390000000002</v>
      </c>
      <c r="D1030" s="10">
        <v>33.177880000000002</v>
      </c>
      <c r="E1030" s="10">
        <v>33.060839999999999</v>
      </c>
      <c r="F1030" s="10">
        <v>30.531279999999999</v>
      </c>
      <c r="G1030" s="10">
        <v>29.946380000000001</v>
      </c>
    </row>
    <row r="1031" spans="1:7" x14ac:dyDescent="0.25">
      <c r="A1031" s="10">
        <v>449</v>
      </c>
      <c r="B1031" s="10">
        <v>35.579650000000001</v>
      </c>
      <c r="C1031" s="10">
        <v>34.486600000000003</v>
      </c>
      <c r="D1031" s="10">
        <v>33.16178</v>
      </c>
      <c r="E1031" s="10">
        <v>33.032049999999998</v>
      </c>
      <c r="F1031" s="10">
        <v>30.523759999999999</v>
      </c>
      <c r="G1031" s="10">
        <v>29.93261</v>
      </c>
    </row>
    <row r="1032" spans="1:7" x14ac:dyDescent="0.25">
      <c r="A1032" s="10">
        <v>449.5</v>
      </c>
      <c r="B1032" s="10">
        <v>35.57714</v>
      </c>
      <c r="C1032" s="10">
        <v>34.498860000000001</v>
      </c>
      <c r="D1032" s="10">
        <v>33.178199999999997</v>
      </c>
      <c r="E1032" s="10">
        <v>32.999070000000003</v>
      </c>
      <c r="F1032" s="10">
        <v>30.517420000000001</v>
      </c>
      <c r="G1032" s="10">
        <v>29.909310000000001</v>
      </c>
    </row>
    <row r="1033" spans="1:7" x14ac:dyDescent="0.25">
      <c r="A1033" s="10">
        <v>450</v>
      </c>
      <c r="B1033" s="10">
        <v>35.552900000000001</v>
      </c>
      <c r="C1033" s="10">
        <v>34.449660000000002</v>
      </c>
      <c r="D1033" s="10">
        <v>33.1404</v>
      </c>
      <c r="E1033" s="10">
        <v>33.006419999999999</v>
      </c>
      <c r="F1033" s="10">
        <v>30.538250000000001</v>
      </c>
      <c r="G1033" s="10">
        <v>29.912980000000001</v>
      </c>
    </row>
    <row r="1034" spans="1:7" x14ac:dyDescent="0.25">
      <c r="A1034" s="10">
        <v>450.5</v>
      </c>
      <c r="B1034" s="10">
        <v>35.525680000000001</v>
      </c>
      <c r="C1034" s="10">
        <v>34.411000000000001</v>
      </c>
      <c r="D1034" s="10">
        <v>33.101120000000002</v>
      </c>
      <c r="E1034" s="10">
        <v>32.984839999999998</v>
      </c>
      <c r="F1034" s="10">
        <v>30.497489999999999</v>
      </c>
      <c r="G1034" s="10">
        <v>29.89987</v>
      </c>
    </row>
    <row r="1035" spans="1:7" x14ac:dyDescent="0.25">
      <c r="A1035" s="10">
        <v>451</v>
      </c>
      <c r="B1035" s="10">
        <v>35.500990000000002</v>
      </c>
      <c r="C1035" s="10">
        <v>34.407629999999997</v>
      </c>
      <c r="D1035" s="10">
        <v>33.097360000000002</v>
      </c>
      <c r="E1035" s="10">
        <v>32.93083</v>
      </c>
      <c r="F1035" s="10">
        <v>30.47214</v>
      </c>
      <c r="G1035" s="10">
        <v>29.881730000000001</v>
      </c>
    </row>
    <row r="1036" spans="1:7" x14ac:dyDescent="0.25">
      <c r="A1036" s="10">
        <v>451.5</v>
      </c>
      <c r="B1036" s="10">
        <v>35.477080000000001</v>
      </c>
      <c r="C1036" s="10">
        <v>34.379309999999997</v>
      </c>
      <c r="D1036" s="10">
        <v>33.075119999999998</v>
      </c>
      <c r="E1036" s="10">
        <v>32.937910000000002</v>
      </c>
      <c r="F1036" s="10">
        <v>30.464970000000001</v>
      </c>
      <c r="G1036" s="10">
        <v>29.893809999999998</v>
      </c>
    </row>
    <row r="1037" spans="1:7" x14ac:dyDescent="0.25">
      <c r="A1037" s="10">
        <v>452</v>
      </c>
      <c r="B1037" s="10">
        <v>35.462690000000002</v>
      </c>
      <c r="C1037" s="10">
        <v>34.355539999999998</v>
      </c>
      <c r="D1037" s="10">
        <v>33.042900000000003</v>
      </c>
      <c r="E1037" s="10">
        <v>32.899810000000002</v>
      </c>
      <c r="F1037" s="10">
        <v>30.45045</v>
      </c>
      <c r="G1037" s="10">
        <v>29.860109999999999</v>
      </c>
    </row>
    <row r="1038" spans="1:7" x14ac:dyDescent="0.25">
      <c r="A1038" s="10">
        <v>452.5</v>
      </c>
      <c r="B1038" s="10">
        <v>35.409329999999997</v>
      </c>
      <c r="C1038" s="10">
        <v>34.338819999999998</v>
      </c>
      <c r="D1038" s="10">
        <v>33.034709999999997</v>
      </c>
      <c r="E1038" s="10">
        <v>32.8598</v>
      </c>
      <c r="F1038" s="10">
        <v>30.431349999999998</v>
      </c>
      <c r="G1038" s="10">
        <v>29.85913</v>
      </c>
    </row>
    <row r="1039" spans="1:7" x14ac:dyDescent="0.25">
      <c r="A1039" s="10">
        <v>453</v>
      </c>
      <c r="B1039" s="10">
        <v>35.378500000000003</v>
      </c>
      <c r="C1039" s="10">
        <v>34.335889999999999</v>
      </c>
      <c r="D1039" s="10">
        <v>33.015790000000003</v>
      </c>
      <c r="E1039" s="10">
        <v>32.884860000000003</v>
      </c>
      <c r="F1039" s="10">
        <v>30.416149999999998</v>
      </c>
      <c r="G1039" s="10">
        <v>29.81212</v>
      </c>
    </row>
    <row r="1040" spans="1:7" x14ac:dyDescent="0.25">
      <c r="A1040" s="10">
        <v>453.5</v>
      </c>
      <c r="B1040" s="10">
        <v>35.359690000000001</v>
      </c>
      <c r="C1040" s="10">
        <v>34.286009999999997</v>
      </c>
      <c r="D1040" s="10">
        <v>32.977139999999999</v>
      </c>
      <c r="E1040" s="10">
        <v>32.847259999999999</v>
      </c>
      <c r="F1040" s="10">
        <v>30.428370000000001</v>
      </c>
      <c r="G1040" s="10">
        <v>29.806319999999999</v>
      </c>
    </row>
    <row r="1041" spans="1:7" x14ac:dyDescent="0.25">
      <c r="A1041" s="10">
        <v>454</v>
      </c>
      <c r="B1041" s="10">
        <v>35.321899999999999</v>
      </c>
      <c r="C1041" s="10">
        <v>34.270180000000003</v>
      </c>
      <c r="D1041" s="10">
        <v>32.954509999999999</v>
      </c>
      <c r="E1041" s="10">
        <v>32.822740000000003</v>
      </c>
      <c r="F1041" s="10">
        <v>30.409490000000002</v>
      </c>
      <c r="G1041" s="10">
        <v>29.79824</v>
      </c>
    </row>
    <row r="1042" spans="1:7" x14ac:dyDescent="0.25">
      <c r="A1042" s="10">
        <v>454.5</v>
      </c>
      <c r="B1042" s="10">
        <v>35.281640000000003</v>
      </c>
      <c r="C1042" s="10">
        <v>34.227640000000001</v>
      </c>
      <c r="D1042" s="10">
        <v>32.94191</v>
      </c>
      <c r="E1042" s="10">
        <v>32.796309999999998</v>
      </c>
      <c r="F1042" s="10">
        <v>30.400780000000001</v>
      </c>
      <c r="G1042" s="10">
        <v>29.793119999999998</v>
      </c>
    </row>
    <row r="1043" spans="1:7" x14ac:dyDescent="0.25">
      <c r="A1043" s="10">
        <v>455</v>
      </c>
      <c r="B1043" s="10">
        <v>35.250410000000002</v>
      </c>
      <c r="C1043" s="10">
        <v>34.20966</v>
      </c>
      <c r="D1043" s="10">
        <v>32.911830000000002</v>
      </c>
      <c r="E1043" s="10">
        <v>32.78922</v>
      </c>
      <c r="F1043" s="10">
        <v>30.374960000000002</v>
      </c>
      <c r="G1043" s="10">
        <v>29.78172</v>
      </c>
    </row>
    <row r="1044" spans="1:7" x14ac:dyDescent="0.25">
      <c r="A1044" s="10">
        <v>455.5</v>
      </c>
      <c r="B1044" s="10">
        <v>35.248710000000003</v>
      </c>
      <c r="C1044" s="10">
        <v>34.18573</v>
      </c>
      <c r="D1044" s="10">
        <v>32.910029999999999</v>
      </c>
      <c r="E1044" s="10">
        <v>32.755470000000003</v>
      </c>
      <c r="F1044" s="10">
        <v>30.348559999999999</v>
      </c>
      <c r="G1044" s="10">
        <v>29.728529999999999</v>
      </c>
    </row>
    <row r="1045" spans="1:7" x14ac:dyDescent="0.25">
      <c r="A1045" s="10">
        <v>456</v>
      </c>
      <c r="B1045" s="10">
        <v>35.23753</v>
      </c>
      <c r="C1045" s="10">
        <v>34.144599999999997</v>
      </c>
      <c r="D1045" s="10">
        <v>32.87124</v>
      </c>
      <c r="E1045" s="10">
        <v>32.743299999999998</v>
      </c>
      <c r="F1045" s="10">
        <v>30.34055</v>
      </c>
      <c r="G1045" s="10">
        <v>29.730810000000002</v>
      </c>
    </row>
    <row r="1046" spans="1:7" x14ac:dyDescent="0.25">
      <c r="A1046" s="10">
        <v>456.5</v>
      </c>
      <c r="B1046" s="10">
        <v>35.186630000000001</v>
      </c>
      <c r="C1046" s="10">
        <v>34.157020000000003</v>
      </c>
      <c r="D1046" s="10">
        <v>32.837739999999997</v>
      </c>
      <c r="E1046" s="10">
        <v>32.710479999999997</v>
      </c>
      <c r="F1046" s="10">
        <v>30.328700000000001</v>
      </c>
      <c r="G1046" s="10">
        <v>29.7363</v>
      </c>
    </row>
    <row r="1047" spans="1:7" x14ac:dyDescent="0.25">
      <c r="A1047" s="10">
        <v>457</v>
      </c>
      <c r="B1047" s="10">
        <v>35.177</v>
      </c>
      <c r="C1047" s="10">
        <v>34.115000000000002</v>
      </c>
      <c r="D1047" s="10">
        <v>32.807499999999997</v>
      </c>
      <c r="E1047" s="10">
        <v>32.699750000000002</v>
      </c>
      <c r="F1047" s="10">
        <v>30.329249999999998</v>
      </c>
      <c r="G1047" s="10">
        <v>29.696999999999999</v>
      </c>
    </row>
    <row r="1048" spans="1:7" x14ac:dyDescent="0.25">
      <c r="A1048" s="10">
        <v>457.5</v>
      </c>
      <c r="B1048" s="10">
        <v>35.142000000000003</v>
      </c>
      <c r="C1048" s="10">
        <v>34.113999999999997</v>
      </c>
      <c r="D1048" s="10">
        <v>32.799999999999997</v>
      </c>
      <c r="E1048" s="10">
        <v>32.673749999999998</v>
      </c>
      <c r="F1048" s="10">
        <v>30.308250000000001</v>
      </c>
      <c r="G1048" s="10">
        <v>29.702750000000002</v>
      </c>
    </row>
    <row r="1049" spans="1:7" x14ac:dyDescent="0.25">
      <c r="A1049" s="10">
        <v>458</v>
      </c>
      <c r="B1049" s="10">
        <v>35.119250000000001</v>
      </c>
      <c r="C1049" s="10">
        <v>34.067999999999998</v>
      </c>
      <c r="D1049" s="10">
        <v>32.780250000000002</v>
      </c>
      <c r="E1049" s="10">
        <v>32.652999999999999</v>
      </c>
      <c r="F1049" s="10">
        <v>30.30275</v>
      </c>
      <c r="G1049" s="10">
        <v>29.711749999999999</v>
      </c>
    </row>
    <row r="1050" spans="1:7" x14ac:dyDescent="0.25">
      <c r="A1050" s="10">
        <v>458.5</v>
      </c>
      <c r="B1050" s="10">
        <v>35.09375</v>
      </c>
      <c r="C1050" s="10">
        <v>34.048749999999998</v>
      </c>
      <c r="D1050" s="10">
        <v>32.749000000000002</v>
      </c>
      <c r="E1050" s="10">
        <v>32.659500000000001</v>
      </c>
      <c r="F1050" s="10">
        <v>30.277750000000001</v>
      </c>
      <c r="G1050" s="10">
        <v>29.66825</v>
      </c>
    </row>
    <row r="1051" spans="1:7" x14ac:dyDescent="0.25">
      <c r="A1051" s="10">
        <v>459</v>
      </c>
      <c r="B1051" s="10">
        <v>35.055</v>
      </c>
      <c r="C1051" s="10">
        <v>33.994</v>
      </c>
      <c r="D1051" s="10">
        <v>32.750999999999998</v>
      </c>
      <c r="E1051" s="10">
        <v>32.619750000000003</v>
      </c>
      <c r="F1051" s="10">
        <v>30.244</v>
      </c>
      <c r="G1051" s="10">
        <v>29.642749999999999</v>
      </c>
    </row>
    <row r="1052" spans="1:7" x14ac:dyDescent="0.25">
      <c r="A1052" s="10">
        <v>459.5</v>
      </c>
      <c r="B1052" s="10">
        <v>35.02075</v>
      </c>
      <c r="C1052" s="10">
        <v>33.975999999999999</v>
      </c>
      <c r="D1052" s="10">
        <v>32.701250000000002</v>
      </c>
      <c r="E1052" s="10">
        <v>32.602249999999998</v>
      </c>
      <c r="F1052" s="10">
        <v>30.253</v>
      </c>
      <c r="G1052" s="10">
        <v>29.640999999999998</v>
      </c>
    </row>
    <row r="1053" spans="1:7" x14ac:dyDescent="0.25">
      <c r="A1053" s="10">
        <v>460</v>
      </c>
      <c r="B1053" s="10">
        <v>35.031750000000002</v>
      </c>
      <c r="C1053" s="10">
        <v>33.988500000000002</v>
      </c>
      <c r="D1053" s="10">
        <v>32.676499999999997</v>
      </c>
      <c r="E1053" s="10">
        <v>32.594999999999999</v>
      </c>
      <c r="F1053" s="10">
        <v>30.199249999999999</v>
      </c>
      <c r="G1053" s="10">
        <v>29.652750000000001</v>
      </c>
    </row>
    <row r="1054" spans="1:7" x14ac:dyDescent="0.25">
      <c r="A1054" s="10">
        <v>460.5</v>
      </c>
      <c r="B1054" s="10">
        <v>34.984250000000003</v>
      </c>
      <c r="C1054" s="10">
        <v>33.939749999999997</v>
      </c>
      <c r="D1054" s="10">
        <v>32.674250000000001</v>
      </c>
      <c r="E1054" s="10">
        <v>32.555</v>
      </c>
      <c r="F1054" s="10">
        <v>30.206499999999998</v>
      </c>
      <c r="G1054" s="10">
        <v>29.635000000000002</v>
      </c>
    </row>
    <row r="1055" spans="1:7" x14ac:dyDescent="0.25">
      <c r="A1055" s="10">
        <v>461</v>
      </c>
      <c r="B1055" s="10">
        <v>34.965249999999997</v>
      </c>
      <c r="C1055" s="10">
        <v>33.9495</v>
      </c>
      <c r="D1055" s="10">
        <v>32.656750000000002</v>
      </c>
      <c r="E1055" s="10">
        <v>32.547750000000001</v>
      </c>
      <c r="F1055" s="10">
        <v>30.204249999999998</v>
      </c>
      <c r="G1055" s="10">
        <v>29.594000000000001</v>
      </c>
    </row>
    <row r="1056" spans="1:7" x14ac:dyDescent="0.25">
      <c r="A1056" s="10">
        <v>461.5</v>
      </c>
      <c r="B1056" s="10">
        <v>34.944499999999998</v>
      </c>
      <c r="C1056" s="10">
        <v>33.899000000000001</v>
      </c>
      <c r="D1056" s="10">
        <v>32.64425</v>
      </c>
      <c r="E1056" s="10">
        <v>32.529000000000003</v>
      </c>
      <c r="F1056" s="10">
        <v>30.192250000000001</v>
      </c>
      <c r="G1056" s="10">
        <v>29.571000000000002</v>
      </c>
    </row>
    <row r="1057" spans="1:7" x14ac:dyDescent="0.25">
      <c r="A1057" s="10">
        <v>462</v>
      </c>
      <c r="B1057" s="10">
        <v>34.888500000000001</v>
      </c>
      <c r="C1057" s="10">
        <v>33.90175</v>
      </c>
      <c r="D1057" s="10">
        <v>32.621499999999997</v>
      </c>
      <c r="E1057" s="10">
        <v>32.509250000000002</v>
      </c>
      <c r="F1057" s="10">
        <v>30.136749999999999</v>
      </c>
      <c r="G1057" s="10">
        <v>29.573</v>
      </c>
    </row>
    <row r="1058" spans="1:7" x14ac:dyDescent="0.25">
      <c r="A1058" s="10">
        <v>462.5</v>
      </c>
      <c r="B1058" s="10">
        <v>34.881500000000003</v>
      </c>
      <c r="C1058" s="10">
        <v>33.84525</v>
      </c>
      <c r="D1058" s="10">
        <v>32.562750000000001</v>
      </c>
      <c r="E1058" s="10">
        <v>32.478000000000002</v>
      </c>
      <c r="F1058" s="10">
        <v>30.142749999999999</v>
      </c>
      <c r="G1058" s="10">
        <v>29.56475</v>
      </c>
    </row>
    <row r="1059" spans="1:7" x14ac:dyDescent="0.25">
      <c r="A1059" s="10">
        <v>463</v>
      </c>
      <c r="B1059" s="10">
        <v>34.877749999999999</v>
      </c>
      <c r="C1059" s="10">
        <v>33.826250000000002</v>
      </c>
      <c r="D1059" s="10">
        <v>32.566000000000003</v>
      </c>
      <c r="E1059" s="10">
        <v>32.47325</v>
      </c>
      <c r="F1059" s="10">
        <v>30.112500000000001</v>
      </c>
      <c r="G1059" s="10">
        <v>29.552</v>
      </c>
    </row>
    <row r="1060" spans="1:7" x14ac:dyDescent="0.25">
      <c r="A1060" s="10">
        <v>463.5</v>
      </c>
      <c r="B1060" s="10">
        <v>34.84975</v>
      </c>
      <c r="C1060" s="10">
        <v>33.826000000000001</v>
      </c>
      <c r="D1060" s="10">
        <v>32.531500000000001</v>
      </c>
      <c r="E1060" s="10">
        <v>32.454000000000001</v>
      </c>
      <c r="F1060" s="10">
        <v>30.1</v>
      </c>
      <c r="G1060" s="10">
        <v>29.561</v>
      </c>
    </row>
    <row r="1061" spans="1:7" x14ac:dyDescent="0.25">
      <c r="A1061" s="10">
        <v>464</v>
      </c>
      <c r="B1061" s="10">
        <v>34.813749999999999</v>
      </c>
      <c r="C1061" s="10">
        <v>33.77075</v>
      </c>
      <c r="D1061" s="10">
        <v>32.537750000000003</v>
      </c>
      <c r="E1061" s="10">
        <v>32.441000000000003</v>
      </c>
      <c r="F1061" s="10">
        <v>30.110749999999999</v>
      </c>
      <c r="G1061" s="10">
        <v>29.5245</v>
      </c>
    </row>
    <row r="1062" spans="1:7" x14ac:dyDescent="0.25">
      <c r="A1062" s="10">
        <v>464.5</v>
      </c>
      <c r="B1062" s="10">
        <v>34.769500000000001</v>
      </c>
      <c r="C1062" s="10">
        <v>33.759250000000002</v>
      </c>
      <c r="D1062" s="10">
        <v>32.511249999999997</v>
      </c>
      <c r="E1062" s="10">
        <v>32.421750000000003</v>
      </c>
      <c r="F1062" s="10">
        <v>30.06625</v>
      </c>
      <c r="G1062" s="10">
        <v>29.523</v>
      </c>
    </row>
    <row r="1063" spans="1:7" x14ac:dyDescent="0.25">
      <c r="A1063" s="10">
        <v>465</v>
      </c>
      <c r="B1063" s="10">
        <v>34.756999999999998</v>
      </c>
      <c r="C1063" s="10">
        <v>33.737499999999997</v>
      </c>
      <c r="D1063" s="10">
        <v>32.499749999999999</v>
      </c>
      <c r="E1063" s="10">
        <v>32.396749999999997</v>
      </c>
      <c r="F1063" s="10">
        <v>30.044250000000002</v>
      </c>
      <c r="G1063" s="10">
        <v>29.502749999999999</v>
      </c>
    </row>
    <row r="1064" spans="1:7" x14ac:dyDescent="0.25">
      <c r="A1064" s="10">
        <v>465.5</v>
      </c>
      <c r="B1064" s="10">
        <v>34.745750000000001</v>
      </c>
      <c r="C1064" s="10">
        <v>33.725749999999998</v>
      </c>
      <c r="D1064" s="10">
        <v>32.463999999999999</v>
      </c>
      <c r="E1064" s="10">
        <v>32.372</v>
      </c>
      <c r="F1064" s="10">
        <v>30.073</v>
      </c>
      <c r="G1064" s="10">
        <v>29.488499999999998</v>
      </c>
    </row>
    <row r="1065" spans="1:7" x14ac:dyDescent="0.25">
      <c r="A1065" s="10">
        <v>466</v>
      </c>
      <c r="B1065" s="10">
        <v>34.720999999999997</v>
      </c>
      <c r="C1065" s="10">
        <v>33.707250000000002</v>
      </c>
      <c r="D1065" s="10">
        <v>32.435499999999998</v>
      </c>
      <c r="E1065" s="10">
        <v>32.366500000000002</v>
      </c>
      <c r="F1065" s="10">
        <v>30.03125</v>
      </c>
      <c r="G1065" s="10">
        <v>29.482749999999999</v>
      </c>
    </row>
    <row r="1066" spans="1:7" x14ac:dyDescent="0.25">
      <c r="A1066" s="10">
        <v>466.5</v>
      </c>
      <c r="B1066" s="10">
        <v>34.705750000000002</v>
      </c>
      <c r="C1066" s="10">
        <v>33.685000000000002</v>
      </c>
      <c r="D1066" s="10">
        <v>32.445999999999998</v>
      </c>
      <c r="E1066" s="10">
        <v>32.338250000000002</v>
      </c>
      <c r="F1066" s="10">
        <v>30.019500000000001</v>
      </c>
      <c r="G1066" s="10">
        <v>29.454999999999998</v>
      </c>
    </row>
    <row r="1067" spans="1:7" x14ac:dyDescent="0.25">
      <c r="A1067" s="10">
        <v>467</v>
      </c>
      <c r="B1067" s="10">
        <v>34.657499999999999</v>
      </c>
      <c r="C1067" s="10">
        <v>33.657499999999999</v>
      </c>
      <c r="D1067" s="10">
        <v>32.395499999999998</v>
      </c>
      <c r="E1067" s="10">
        <v>32.323</v>
      </c>
      <c r="F1067" s="10">
        <v>29.982749999999999</v>
      </c>
      <c r="G1067" s="10">
        <v>29.425999999999998</v>
      </c>
    </row>
    <row r="1068" spans="1:7" x14ac:dyDescent="0.25">
      <c r="A1068" s="10">
        <v>467.5</v>
      </c>
      <c r="B1068" s="10">
        <v>34.649500000000003</v>
      </c>
      <c r="C1068" s="10">
        <v>33.608499999999999</v>
      </c>
      <c r="D1068" s="10">
        <v>32.370249999999999</v>
      </c>
      <c r="E1068" s="10">
        <v>32.293750000000003</v>
      </c>
      <c r="F1068" s="10">
        <v>29.970500000000001</v>
      </c>
      <c r="G1068" s="10">
        <v>29.424250000000001</v>
      </c>
    </row>
    <row r="1069" spans="1:7" x14ac:dyDescent="0.25">
      <c r="A1069" s="10">
        <v>468</v>
      </c>
      <c r="B1069" s="10">
        <v>34.613999999999997</v>
      </c>
      <c r="C1069" s="10">
        <v>33.594000000000001</v>
      </c>
      <c r="D1069" s="10">
        <v>32.361499999999999</v>
      </c>
      <c r="E1069" s="10">
        <v>32.294249999999998</v>
      </c>
      <c r="F1069" s="10">
        <v>29.952999999999999</v>
      </c>
      <c r="G1069" s="10">
        <v>29.419</v>
      </c>
    </row>
    <row r="1070" spans="1:7" x14ac:dyDescent="0.25">
      <c r="A1070" s="10">
        <v>468.5</v>
      </c>
      <c r="B1070" s="10">
        <v>34.600250000000003</v>
      </c>
      <c r="C1070" s="10">
        <v>33.6</v>
      </c>
      <c r="D1070" s="10">
        <v>32.34525</v>
      </c>
      <c r="E1070" s="10">
        <v>32.270499999999998</v>
      </c>
      <c r="F1070" s="10">
        <v>29.934750000000001</v>
      </c>
      <c r="G1070" s="10">
        <v>29.42775</v>
      </c>
    </row>
    <row r="1071" spans="1:7" x14ac:dyDescent="0.25">
      <c r="A1071" s="10">
        <v>469</v>
      </c>
      <c r="B1071" s="10">
        <v>34.565750000000001</v>
      </c>
      <c r="C1071" s="10">
        <v>33.568249999999999</v>
      </c>
      <c r="D1071" s="10">
        <v>32.326999999999998</v>
      </c>
      <c r="E1071" s="10">
        <v>32.233750000000001</v>
      </c>
      <c r="F1071" s="10">
        <v>29.940750000000001</v>
      </c>
      <c r="G1071" s="10">
        <v>29.389250000000001</v>
      </c>
    </row>
    <row r="1072" spans="1:7" x14ac:dyDescent="0.25">
      <c r="A1072" s="10">
        <v>469.5</v>
      </c>
      <c r="B1072" s="10">
        <v>34.540500000000002</v>
      </c>
      <c r="C1072" s="10">
        <v>33.507750000000001</v>
      </c>
      <c r="D1072" s="10">
        <v>32.308750000000003</v>
      </c>
      <c r="E1072" s="10">
        <v>32.216999999999999</v>
      </c>
      <c r="F1072" s="10">
        <v>29.918500000000002</v>
      </c>
      <c r="G1072" s="10">
        <v>29.3935</v>
      </c>
    </row>
    <row r="1073" spans="1:7" x14ac:dyDescent="0.25">
      <c r="A1073" s="10">
        <v>470</v>
      </c>
      <c r="B1073" s="10">
        <v>34.525750000000002</v>
      </c>
      <c r="C1073" s="10">
        <v>33.511499999999998</v>
      </c>
      <c r="D1073" s="10">
        <v>32.263750000000002</v>
      </c>
      <c r="E1073" s="10">
        <v>32.244500000000002</v>
      </c>
      <c r="F1073" s="10">
        <v>29.889250000000001</v>
      </c>
      <c r="G1073" s="10">
        <v>29.357500000000002</v>
      </c>
    </row>
    <row r="1074" spans="1:7" x14ac:dyDescent="0.25">
      <c r="A1074" s="10">
        <v>470.5</v>
      </c>
      <c r="B1074" s="10">
        <v>34.494500000000002</v>
      </c>
      <c r="C1074" s="10">
        <v>33.481499999999997</v>
      </c>
      <c r="D1074" s="10">
        <v>32.260249999999999</v>
      </c>
      <c r="E1074" s="10">
        <v>32.185000000000002</v>
      </c>
      <c r="F1074" s="10">
        <v>29.867000000000001</v>
      </c>
      <c r="G1074" s="10">
        <v>29.367000000000001</v>
      </c>
    </row>
    <row r="1075" spans="1:7" x14ac:dyDescent="0.25">
      <c r="A1075" s="10">
        <v>471</v>
      </c>
      <c r="B1075" s="10">
        <v>34.495750000000001</v>
      </c>
      <c r="C1075" s="10">
        <v>33.466999999999999</v>
      </c>
      <c r="D1075" s="10">
        <v>32.245249999999999</v>
      </c>
      <c r="E1075" s="10">
        <v>32.161499999999997</v>
      </c>
      <c r="F1075" s="10">
        <v>29.836500000000001</v>
      </c>
      <c r="G1075" s="10">
        <v>29.341000000000001</v>
      </c>
    </row>
    <row r="1076" spans="1:7" x14ac:dyDescent="0.25">
      <c r="A1076" s="10">
        <v>471.5</v>
      </c>
      <c r="B1076" s="10">
        <v>34.449249999999999</v>
      </c>
      <c r="C1076" s="10">
        <v>33.448999999999998</v>
      </c>
      <c r="D1076" s="10">
        <v>32.220750000000002</v>
      </c>
      <c r="E1076" s="10">
        <v>32.163499999999999</v>
      </c>
      <c r="F1076" s="10">
        <v>29.858000000000001</v>
      </c>
      <c r="G1076" s="10">
        <v>29.308499999999999</v>
      </c>
    </row>
    <row r="1077" spans="1:7" x14ac:dyDescent="0.25">
      <c r="A1077" s="10">
        <v>472</v>
      </c>
      <c r="B1077" s="10">
        <v>34.429250000000003</v>
      </c>
      <c r="C1077" s="10">
        <v>33.414000000000001</v>
      </c>
      <c r="D1077" s="10">
        <v>32.186750000000004</v>
      </c>
      <c r="E1077" s="10">
        <v>32.136249999999997</v>
      </c>
      <c r="F1077" s="10">
        <v>29.834</v>
      </c>
      <c r="G1077" s="10">
        <v>29.32525</v>
      </c>
    </row>
    <row r="1078" spans="1:7" x14ac:dyDescent="0.25">
      <c r="A1078" s="10">
        <v>472.5</v>
      </c>
      <c r="B1078" s="10">
        <v>34.386499999999998</v>
      </c>
      <c r="C1078" s="10">
        <v>33.433750000000003</v>
      </c>
      <c r="D1078" s="10">
        <v>32.16225</v>
      </c>
      <c r="E1078" s="10">
        <v>32.111750000000001</v>
      </c>
      <c r="F1078" s="10">
        <v>29.819500000000001</v>
      </c>
      <c r="G1078" s="10">
        <v>29.316749999999999</v>
      </c>
    </row>
    <row r="1079" spans="1:7" x14ac:dyDescent="0.25">
      <c r="A1079" s="10">
        <v>473</v>
      </c>
      <c r="B1079" s="10">
        <v>34.35</v>
      </c>
      <c r="C1079" s="10">
        <v>33.387500000000003</v>
      </c>
      <c r="D1079" s="10">
        <v>32.14575</v>
      </c>
      <c r="E1079" s="10">
        <v>32.103749999999998</v>
      </c>
      <c r="F1079" s="10">
        <v>29.814250000000001</v>
      </c>
      <c r="G1079" s="10">
        <v>29.31</v>
      </c>
    </row>
    <row r="1080" spans="1:7" x14ac:dyDescent="0.25">
      <c r="A1080" s="10">
        <v>473.5</v>
      </c>
      <c r="B1080" s="10">
        <v>34.332999999999998</v>
      </c>
      <c r="C1080" s="10">
        <v>33.363250000000001</v>
      </c>
      <c r="D1080" s="10">
        <v>32.149500000000003</v>
      </c>
      <c r="E1080" s="10">
        <v>32.088749999999997</v>
      </c>
      <c r="F1080" s="10">
        <v>29.778500000000001</v>
      </c>
      <c r="G1080" s="10">
        <v>29.3095</v>
      </c>
    </row>
    <row r="1081" spans="1:7" x14ac:dyDescent="0.25">
      <c r="A1081" s="10">
        <v>474</v>
      </c>
      <c r="B1081" s="10">
        <v>34.319749999999999</v>
      </c>
      <c r="C1081" s="10">
        <v>33.369999999999997</v>
      </c>
      <c r="D1081" s="10">
        <v>32.133499999999998</v>
      </c>
      <c r="E1081" s="10">
        <v>32.073500000000003</v>
      </c>
      <c r="F1081" s="10">
        <v>29.8005</v>
      </c>
      <c r="G1081" s="10">
        <v>29.256</v>
      </c>
    </row>
    <row r="1082" spans="1:7" x14ac:dyDescent="0.25">
      <c r="A1082" s="10">
        <v>474.5</v>
      </c>
      <c r="B1082" s="10">
        <v>34.301499999999997</v>
      </c>
      <c r="C1082" s="10">
        <v>33.308750000000003</v>
      </c>
      <c r="D1082" s="10">
        <v>32.116999999999997</v>
      </c>
      <c r="E1082" s="10">
        <v>32.050750000000001</v>
      </c>
      <c r="F1082" s="10">
        <v>29.7395</v>
      </c>
      <c r="G1082" s="10">
        <v>29.262499999999999</v>
      </c>
    </row>
    <row r="1083" spans="1:7" x14ac:dyDescent="0.25">
      <c r="A1083" s="10">
        <v>475</v>
      </c>
      <c r="B1083" s="10">
        <v>34.297249999999998</v>
      </c>
      <c r="C1083" s="10">
        <v>33.289000000000001</v>
      </c>
      <c r="D1083" s="10">
        <v>32.075249999999997</v>
      </c>
      <c r="E1083" s="10">
        <v>32.026249999999997</v>
      </c>
      <c r="F1083" s="10">
        <v>29.735499999999998</v>
      </c>
      <c r="G1083" s="10">
        <v>29.219000000000001</v>
      </c>
    </row>
    <row r="1084" spans="1:7" x14ac:dyDescent="0.25">
      <c r="A1084" s="10">
        <v>475.5</v>
      </c>
      <c r="B1084" s="10">
        <v>34.228749999999998</v>
      </c>
      <c r="C1084" s="10">
        <v>33.275750000000002</v>
      </c>
      <c r="D1084" s="10">
        <v>32.072000000000003</v>
      </c>
      <c r="E1084" s="10">
        <v>31.9955</v>
      </c>
      <c r="F1084" s="10">
        <v>29.72</v>
      </c>
      <c r="G1084" s="10">
        <v>29.235250000000001</v>
      </c>
    </row>
    <row r="1085" spans="1:7" x14ac:dyDescent="0.25">
      <c r="A1085" s="10">
        <v>476</v>
      </c>
      <c r="B1085" s="10">
        <v>34.219000000000001</v>
      </c>
      <c r="C1085" s="10">
        <v>33.231749999999998</v>
      </c>
      <c r="D1085" s="10">
        <v>32.009500000000003</v>
      </c>
      <c r="E1085" s="10">
        <v>31.970500000000001</v>
      </c>
      <c r="F1085" s="10">
        <v>29.716999999999999</v>
      </c>
      <c r="G1085" s="10">
        <v>29.23075</v>
      </c>
    </row>
    <row r="1086" spans="1:7" x14ac:dyDescent="0.25">
      <c r="A1086" s="10">
        <v>476.5</v>
      </c>
      <c r="B1086" s="10">
        <v>34.21575</v>
      </c>
      <c r="C1086" s="10">
        <v>33.217750000000002</v>
      </c>
      <c r="D1086" s="10">
        <v>32.005499999999998</v>
      </c>
      <c r="E1086" s="10">
        <v>31.957249999999998</v>
      </c>
      <c r="F1086" s="10">
        <v>29.706250000000001</v>
      </c>
      <c r="G1086" s="10">
        <v>29.218499999999999</v>
      </c>
    </row>
    <row r="1087" spans="1:7" x14ac:dyDescent="0.25">
      <c r="A1087" s="10">
        <v>477</v>
      </c>
      <c r="B1087" s="10">
        <v>34.191000000000003</v>
      </c>
      <c r="C1087" s="10">
        <v>33.204250000000002</v>
      </c>
      <c r="D1087" s="10">
        <v>31.98725</v>
      </c>
      <c r="E1087" s="10">
        <v>31.962</v>
      </c>
      <c r="F1087" s="10">
        <v>29.687750000000001</v>
      </c>
      <c r="G1087" s="10">
        <v>29.19725</v>
      </c>
    </row>
    <row r="1088" spans="1:7" x14ac:dyDescent="0.25">
      <c r="A1088" s="10">
        <v>477.5</v>
      </c>
      <c r="B1088" s="10">
        <v>34.136499999999998</v>
      </c>
      <c r="C1088" s="10">
        <v>33.185250000000003</v>
      </c>
      <c r="D1088" s="10">
        <v>31.990749999999998</v>
      </c>
      <c r="E1088" s="10">
        <v>31.938749999999999</v>
      </c>
      <c r="F1088" s="10">
        <v>29.69425</v>
      </c>
      <c r="G1088" s="10">
        <v>29.198</v>
      </c>
    </row>
    <row r="1089" spans="1:7" x14ac:dyDescent="0.25">
      <c r="A1089" s="10">
        <v>478</v>
      </c>
      <c r="B1089" s="10">
        <v>34.109499999999997</v>
      </c>
      <c r="C1089" s="10">
        <v>33.155500000000004</v>
      </c>
      <c r="D1089" s="10">
        <v>31.946249999999999</v>
      </c>
      <c r="E1089" s="10">
        <v>31.92625</v>
      </c>
      <c r="F1089" s="10">
        <v>29.6585</v>
      </c>
      <c r="G1089" s="10">
        <v>29.173999999999999</v>
      </c>
    </row>
    <row r="1090" spans="1:7" x14ac:dyDescent="0.25">
      <c r="A1090" s="10">
        <v>478.5</v>
      </c>
      <c r="B1090" s="10">
        <v>34.097000000000001</v>
      </c>
      <c r="C1090" s="10">
        <v>33.129249999999999</v>
      </c>
      <c r="D1090" s="10">
        <v>31.928750000000001</v>
      </c>
      <c r="E1090" s="10">
        <v>31.917249999999999</v>
      </c>
      <c r="F1090" s="10">
        <v>29.613499999999998</v>
      </c>
      <c r="G1090" s="10">
        <v>29.156749999999999</v>
      </c>
    </row>
    <row r="1091" spans="1:7" x14ac:dyDescent="0.25">
      <c r="A1091" s="10">
        <v>479</v>
      </c>
      <c r="B1091" s="10">
        <v>34.084499999999998</v>
      </c>
      <c r="C1091" s="10">
        <v>33.111249999999998</v>
      </c>
      <c r="D1091" s="10">
        <v>31.925249999999998</v>
      </c>
      <c r="E1091" s="10">
        <v>31.885999999999999</v>
      </c>
      <c r="F1091" s="10">
        <v>29.634250000000002</v>
      </c>
      <c r="G1091" s="10">
        <v>29.161249999999999</v>
      </c>
    </row>
    <row r="1092" spans="1:7" x14ac:dyDescent="0.25">
      <c r="A1092" s="10">
        <v>479.5</v>
      </c>
      <c r="B1092" s="10">
        <v>34.040999999999997</v>
      </c>
      <c r="C1092" s="10">
        <v>33.103000000000002</v>
      </c>
      <c r="D1092" s="10">
        <v>31.919750000000001</v>
      </c>
      <c r="E1092" s="10">
        <v>31.870750000000001</v>
      </c>
      <c r="F1092" s="10">
        <v>29.609249999999999</v>
      </c>
      <c r="G1092" s="10">
        <v>29.149750000000001</v>
      </c>
    </row>
    <row r="1093" spans="1:7" x14ac:dyDescent="0.25">
      <c r="A1093" s="10">
        <v>480</v>
      </c>
      <c r="B1093" s="10">
        <v>34.03875</v>
      </c>
      <c r="C1093" s="10">
        <v>33.095500000000001</v>
      </c>
      <c r="D1093" s="10">
        <v>31.879750000000001</v>
      </c>
      <c r="E1093" s="10">
        <v>31.85425</v>
      </c>
      <c r="F1093" s="10">
        <v>29.588999999999999</v>
      </c>
      <c r="G1093" s="10">
        <v>29.13625</v>
      </c>
    </row>
    <row r="1094" spans="1:7" x14ac:dyDescent="0.25">
      <c r="A1094" s="10">
        <v>480.5</v>
      </c>
      <c r="B1094" s="10">
        <v>34.008249999999997</v>
      </c>
      <c r="C1094" s="10">
        <v>33.061500000000002</v>
      </c>
      <c r="D1094" s="10">
        <v>31.830500000000001</v>
      </c>
      <c r="E1094" s="10">
        <v>31.829750000000001</v>
      </c>
      <c r="F1094" s="10">
        <v>29.581250000000001</v>
      </c>
      <c r="G1094" s="10">
        <v>29.154499999999999</v>
      </c>
    </row>
    <row r="1095" spans="1:7" x14ac:dyDescent="0.25">
      <c r="A1095" s="10">
        <v>481</v>
      </c>
      <c r="B1095" s="10">
        <v>33.982500000000002</v>
      </c>
      <c r="C1095" s="10">
        <v>33.048250000000003</v>
      </c>
      <c r="D1095" s="10">
        <v>31.824999999999999</v>
      </c>
      <c r="E1095" s="10">
        <v>31.80425</v>
      </c>
      <c r="F1095" s="10">
        <v>29.5505</v>
      </c>
      <c r="G1095" s="10">
        <v>29.097000000000001</v>
      </c>
    </row>
    <row r="1096" spans="1:7" x14ac:dyDescent="0.25">
      <c r="A1096" s="10">
        <v>481.5</v>
      </c>
      <c r="B1096" s="10">
        <v>33.960749999999997</v>
      </c>
      <c r="C1096" s="10">
        <v>33.019750000000002</v>
      </c>
      <c r="D1096" s="10">
        <v>31.812000000000001</v>
      </c>
      <c r="E1096" s="10">
        <v>31.8185</v>
      </c>
      <c r="F1096" s="10">
        <v>29.539249999999999</v>
      </c>
      <c r="G1096" s="10">
        <v>29.094249999999999</v>
      </c>
    </row>
    <row r="1097" spans="1:7" x14ac:dyDescent="0.25">
      <c r="A1097" s="10">
        <v>482</v>
      </c>
      <c r="B1097" s="10">
        <v>33.930500000000002</v>
      </c>
      <c r="C1097" s="10">
        <v>32.974249999999998</v>
      </c>
      <c r="D1097" s="10">
        <v>31.81325</v>
      </c>
      <c r="E1097" s="10">
        <v>31.786999999999999</v>
      </c>
      <c r="F1097" s="10">
        <v>29.542999999999999</v>
      </c>
      <c r="G1097" s="10">
        <v>29.07525</v>
      </c>
    </row>
    <row r="1098" spans="1:7" x14ac:dyDescent="0.25">
      <c r="A1098" s="10">
        <v>482.5</v>
      </c>
      <c r="B1098" s="10">
        <v>33.912500000000001</v>
      </c>
      <c r="C1098" s="10">
        <v>32.987000000000002</v>
      </c>
      <c r="D1098" s="10">
        <v>31.789000000000001</v>
      </c>
      <c r="E1098" s="10">
        <v>31.75975</v>
      </c>
      <c r="F1098" s="10">
        <v>29.495249999999999</v>
      </c>
      <c r="G1098" s="10">
        <v>29.067499999999999</v>
      </c>
    </row>
    <row r="1099" spans="1:7" x14ac:dyDescent="0.25">
      <c r="A1099" s="10">
        <v>483</v>
      </c>
      <c r="B1099" s="10">
        <v>33.904499999999999</v>
      </c>
      <c r="C1099" s="10">
        <v>32.975749999999998</v>
      </c>
      <c r="D1099" s="10">
        <v>31.752749999999999</v>
      </c>
      <c r="E1099" s="10">
        <v>31.732749999999999</v>
      </c>
      <c r="F1099" s="10">
        <v>29.489000000000001</v>
      </c>
      <c r="G1099" s="10">
        <v>29.034500000000001</v>
      </c>
    </row>
    <row r="1100" spans="1:7" x14ac:dyDescent="0.25">
      <c r="A1100" s="10">
        <v>483.5</v>
      </c>
      <c r="B1100" s="10">
        <v>33.853999999999999</v>
      </c>
      <c r="C1100" s="10">
        <v>32.950749999999999</v>
      </c>
      <c r="D1100" s="10">
        <v>31.746749999999999</v>
      </c>
      <c r="E1100" s="10">
        <v>31.710999999999999</v>
      </c>
      <c r="F1100" s="10">
        <v>29.496500000000001</v>
      </c>
      <c r="G1100" s="10">
        <v>29.05875</v>
      </c>
    </row>
    <row r="1101" spans="1:7" x14ac:dyDescent="0.25">
      <c r="A1101" s="10">
        <v>484</v>
      </c>
      <c r="B1101" s="10">
        <v>33.854999999999997</v>
      </c>
      <c r="C1101" s="10">
        <v>32.919499999999999</v>
      </c>
      <c r="D1101" s="10">
        <v>31.722750000000001</v>
      </c>
      <c r="E1101" s="10">
        <v>31.700500000000002</v>
      </c>
      <c r="F1101" s="10">
        <v>29.459499999999998</v>
      </c>
      <c r="G1101" s="10">
        <v>29.032250000000001</v>
      </c>
    </row>
    <row r="1102" spans="1:7" x14ac:dyDescent="0.25">
      <c r="A1102" s="10">
        <v>484.5</v>
      </c>
      <c r="B1102" s="10">
        <v>33.819749999999999</v>
      </c>
      <c r="C1102" s="10">
        <v>32.884500000000003</v>
      </c>
      <c r="D1102" s="10">
        <v>31.715250000000001</v>
      </c>
      <c r="E1102" s="10">
        <v>31.700500000000002</v>
      </c>
      <c r="F1102" s="10">
        <v>29.450500000000002</v>
      </c>
      <c r="G1102" s="10">
        <v>29.031500000000001</v>
      </c>
    </row>
    <row r="1103" spans="1:7" x14ac:dyDescent="0.25">
      <c r="A1103" s="10">
        <v>485</v>
      </c>
      <c r="B1103" s="10">
        <v>33.797499999999999</v>
      </c>
      <c r="C1103" s="10">
        <v>32.862000000000002</v>
      </c>
      <c r="D1103" s="10">
        <v>31.704750000000001</v>
      </c>
      <c r="E1103" s="10">
        <v>31.683499999999999</v>
      </c>
      <c r="F1103" s="10">
        <v>29.447500000000002</v>
      </c>
      <c r="G1103" s="10">
        <v>29.015999999999998</v>
      </c>
    </row>
    <row r="1104" spans="1:7" x14ac:dyDescent="0.25">
      <c r="A1104" s="10">
        <v>485.5</v>
      </c>
      <c r="B1104" s="10">
        <v>33.788249999999998</v>
      </c>
      <c r="C1104" s="10">
        <v>32.850250000000003</v>
      </c>
      <c r="D1104" s="10">
        <v>31.660499999999999</v>
      </c>
      <c r="E1104" s="10">
        <v>31.6555</v>
      </c>
      <c r="F1104" s="10">
        <v>29.40625</v>
      </c>
      <c r="G1104" s="10">
        <v>29.011500000000002</v>
      </c>
    </row>
    <row r="1105" spans="1:7" x14ac:dyDescent="0.25">
      <c r="A1105" s="10">
        <v>486</v>
      </c>
      <c r="B1105" s="10">
        <v>33.763500000000001</v>
      </c>
      <c r="C1105" s="10">
        <v>32.84825</v>
      </c>
      <c r="D1105" s="10">
        <v>31.661000000000001</v>
      </c>
      <c r="E1105" s="10">
        <v>31.667750000000002</v>
      </c>
      <c r="F1105" s="10">
        <v>29.403749999999999</v>
      </c>
      <c r="G1105" s="10">
        <v>28.990749999999998</v>
      </c>
    </row>
    <row r="1106" spans="1:7" x14ac:dyDescent="0.25">
      <c r="A1106" s="10">
        <v>486.5</v>
      </c>
      <c r="B1106" s="10">
        <v>33.743499999999997</v>
      </c>
      <c r="C1106" s="10">
        <v>32.817</v>
      </c>
      <c r="D1106" s="10">
        <v>31.6355</v>
      </c>
      <c r="E1106" s="10">
        <v>31.648499999999999</v>
      </c>
      <c r="F1106" s="10">
        <v>29.391249999999999</v>
      </c>
      <c r="G1106" s="10">
        <v>28.966000000000001</v>
      </c>
    </row>
    <row r="1107" spans="1:7" x14ac:dyDescent="0.25">
      <c r="A1107" s="10">
        <v>487</v>
      </c>
      <c r="B1107" s="10">
        <v>33.702249999999999</v>
      </c>
      <c r="C1107" s="10">
        <v>32.780250000000002</v>
      </c>
      <c r="D1107" s="10">
        <v>31.607250000000001</v>
      </c>
      <c r="E1107" s="10">
        <v>31.611000000000001</v>
      </c>
      <c r="F1107" s="10">
        <v>29.390999999999998</v>
      </c>
      <c r="G1107" s="10">
        <v>28.97475</v>
      </c>
    </row>
    <row r="1108" spans="1:7" x14ac:dyDescent="0.25">
      <c r="A1108" s="10">
        <v>487.5</v>
      </c>
      <c r="B1108" s="10">
        <v>33.692250000000001</v>
      </c>
      <c r="C1108" s="10">
        <v>32.756749999999997</v>
      </c>
      <c r="D1108" s="10">
        <v>31.605250000000002</v>
      </c>
      <c r="E1108" s="10">
        <v>31.601749999999999</v>
      </c>
      <c r="F1108" s="10">
        <v>29.36825</v>
      </c>
      <c r="G1108" s="10">
        <v>28.954750000000001</v>
      </c>
    </row>
    <row r="1109" spans="1:7" x14ac:dyDescent="0.25">
      <c r="A1109" s="10">
        <v>488</v>
      </c>
      <c r="B1109" s="10">
        <v>33.659500000000001</v>
      </c>
      <c r="C1109" s="10">
        <v>32.754249999999999</v>
      </c>
      <c r="D1109" s="10">
        <v>31.571999999999999</v>
      </c>
      <c r="E1109" s="10">
        <v>31.584499999999998</v>
      </c>
      <c r="F1109" s="10">
        <v>29.338000000000001</v>
      </c>
      <c r="G1109" s="10">
        <v>28.951499999999999</v>
      </c>
    </row>
    <row r="1110" spans="1:7" x14ac:dyDescent="0.25">
      <c r="A1110" s="10">
        <v>488.5</v>
      </c>
      <c r="B1110" s="10">
        <v>33.641249999999999</v>
      </c>
      <c r="C1110" s="10">
        <v>32.743499999999997</v>
      </c>
      <c r="D1110" s="10">
        <v>31.5685</v>
      </c>
      <c r="E1110" s="10">
        <v>31.54175</v>
      </c>
      <c r="F1110" s="10">
        <v>29.330500000000001</v>
      </c>
      <c r="G1110" s="10">
        <v>28.92775</v>
      </c>
    </row>
    <row r="1111" spans="1:7" x14ac:dyDescent="0.25">
      <c r="A1111" s="10">
        <v>489</v>
      </c>
      <c r="B1111" s="10">
        <v>33.615250000000003</v>
      </c>
      <c r="C1111" s="10">
        <v>32.692250000000001</v>
      </c>
      <c r="D1111" s="10">
        <v>31.53425</v>
      </c>
      <c r="E1111" s="10">
        <v>31.561250000000001</v>
      </c>
      <c r="F1111" s="10">
        <v>29.295249999999999</v>
      </c>
      <c r="G1111" s="10">
        <v>28.933</v>
      </c>
    </row>
    <row r="1112" spans="1:7" x14ac:dyDescent="0.25">
      <c r="A1112" s="10">
        <v>489.5</v>
      </c>
      <c r="B1112" s="10">
        <v>33.587000000000003</v>
      </c>
      <c r="C1112" s="10">
        <v>32.702249999999999</v>
      </c>
      <c r="D1112" s="10">
        <v>31.516500000000001</v>
      </c>
      <c r="E1112" s="10">
        <v>31.5305</v>
      </c>
      <c r="F1112" s="10">
        <v>29.30425</v>
      </c>
      <c r="G1112" s="10">
        <v>28.905750000000001</v>
      </c>
    </row>
    <row r="1113" spans="1:7" x14ac:dyDescent="0.25">
      <c r="A1113" s="10">
        <v>490</v>
      </c>
      <c r="B1113" s="10">
        <v>33.597499999999997</v>
      </c>
      <c r="C1113" s="10">
        <v>32.653500000000001</v>
      </c>
      <c r="D1113" s="10">
        <v>31.497</v>
      </c>
      <c r="E1113" s="10">
        <v>31.516249999999999</v>
      </c>
      <c r="F1113" s="10">
        <v>29.29975</v>
      </c>
      <c r="G1113" s="10">
        <v>28.882249999999999</v>
      </c>
    </row>
    <row r="1114" spans="1:7" x14ac:dyDescent="0.25">
      <c r="A1114" s="10">
        <v>490.5</v>
      </c>
      <c r="B1114" s="10">
        <v>33.576500000000003</v>
      </c>
      <c r="C1114" s="10">
        <v>32.645499999999998</v>
      </c>
      <c r="D1114" s="10">
        <v>31.477250000000002</v>
      </c>
      <c r="E1114" s="10">
        <v>31.48725</v>
      </c>
      <c r="F1114" s="10">
        <v>29.272749999999998</v>
      </c>
      <c r="G1114" s="10">
        <v>28.868749999999999</v>
      </c>
    </row>
    <row r="1115" spans="1:7" x14ac:dyDescent="0.25">
      <c r="A1115" s="10">
        <v>491</v>
      </c>
      <c r="B1115" s="10">
        <v>33.543500000000002</v>
      </c>
      <c r="C1115" s="10">
        <v>32.662750000000003</v>
      </c>
      <c r="D1115" s="10">
        <v>31.446999999999999</v>
      </c>
      <c r="E1115" s="10">
        <v>31.474499999999999</v>
      </c>
      <c r="F1115" s="10">
        <v>29.248750000000001</v>
      </c>
      <c r="G1115" s="10">
        <v>28.864000000000001</v>
      </c>
    </row>
    <row r="1116" spans="1:7" x14ac:dyDescent="0.25">
      <c r="A1116" s="10">
        <v>491.5</v>
      </c>
      <c r="B1116" s="10">
        <v>33.485250000000001</v>
      </c>
      <c r="C1116" s="10">
        <v>32.594749999999998</v>
      </c>
      <c r="D1116" s="10">
        <v>31.444749999999999</v>
      </c>
      <c r="E1116" s="10">
        <v>31.458500000000001</v>
      </c>
      <c r="F1116" s="10">
        <v>29.251999999999999</v>
      </c>
      <c r="G1116" s="10">
        <v>28.838249999999999</v>
      </c>
    </row>
    <row r="1117" spans="1:7" x14ac:dyDescent="0.25">
      <c r="A1117" s="10">
        <v>492</v>
      </c>
      <c r="B1117" s="10">
        <v>33.509500000000003</v>
      </c>
      <c r="C1117" s="10">
        <v>32.592750000000002</v>
      </c>
      <c r="D1117" s="10">
        <v>31.423249999999999</v>
      </c>
      <c r="E1117" s="10">
        <v>31.453749999999999</v>
      </c>
      <c r="F1117" s="10">
        <v>29.213000000000001</v>
      </c>
      <c r="G1117" s="10">
        <v>28.864000000000001</v>
      </c>
    </row>
    <row r="1118" spans="1:7" x14ac:dyDescent="0.25">
      <c r="A1118" s="10">
        <v>492.5</v>
      </c>
      <c r="B1118" s="10">
        <v>33.463000000000001</v>
      </c>
      <c r="C1118" s="10">
        <v>32.54325</v>
      </c>
      <c r="D1118" s="10">
        <v>31.406500000000001</v>
      </c>
      <c r="E1118" s="10">
        <v>31.411999999999999</v>
      </c>
      <c r="F1118" s="10">
        <v>29.19125</v>
      </c>
      <c r="G1118" s="10">
        <v>28.824000000000002</v>
      </c>
    </row>
    <row r="1119" spans="1:7" x14ac:dyDescent="0.25">
      <c r="A1119" s="10">
        <v>493</v>
      </c>
      <c r="B1119" s="10">
        <v>33.453000000000003</v>
      </c>
      <c r="C1119" s="10">
        <v>32.563249999999996</v>
      </c>
      <c r="D1119" s="10">
        <v>31.384</v>
      </c>
      <c r="E1119" s="10">
        <v>31.412500000000001</v>
      </c>
      <c r="F1119" s="10">
        <v>29.193249999999999</v>
      </c>
      <c r="G1119" s="10">
        <v>28.828749999999999</v>
      </c>
    </row>
    <row r="1120" spans="1:7" x14ac:dyDescent="0.25">
      <c r="A1120" s="10">
        <v>493.5</v>
      </c>
      <c r="B1120" s="10">
        <v>33.43</v>
      </c>
      <c r="C1120" s="10">
        <v>32.530749999999998</v>
      </c>
      <c r="D1120" s="10">
        <v>31.37425</v>
      </c>
      <c r="E1120" s="10">
        <v>31.377500000000001</v>
      </c>
      <c r="F1120" s="10">
        <v>29.182500000000001</v>
      </c>
      <c r="G1120" s="10">
        <v>28.8385</v>
      </c>
    </row>
    <row r="1121" spans="1:7" x14ac:dyDescent="0.25">
      <c r="A1121" s="10">
        <v>494</v>
      </c>
      <c r="B1121" s="10">
        <v>33.399749999999997</v>
      </c>
      <c r="C1121" s="10">
        <v>32.488500000000002</v>
      </c>
      <c r="D1121" s="10">
        <v>31.33625</v>
      </c>
      <c r="E1121" s="10">
        <v>31.376249999999999</v>
      </c>
      <c r="F1121" s="10">
        <v>29.165500000000002</v>
      </c>
      <c r="G1121" s="10">
        <v>28.80425</v>
      </c>
    </row>
    <row r="1122" spans="1:7" x14ac:dyDescent="0.25">
      <c r="A1122" s="10">
        <v>494.5</v>
      </c>
      <c r="B1122" s="10">
        <v>33.352499999999999</v>
      </c>
      <c r="C1122" s="10">
        <v>32.476500000000001</v>
      </c>
      <c r="D1122" s="10">
        <v>31.329000000000001</v>
      </c>
      <c r="E1122" s="10">
        <v>31.3825</v>
      </c>
      <c r="F1122" s="10">
        <v>29.170500000000001</v>
      </c>
      <c r="G1122" s="10">
        <v>28.794250000000002</v>
      </c>
    </row>
    <row r="1123" spans="1:7" x14ac:dyDescent="0.25">
      <c r="A1123" s="10">
        <v>495</v>
      </c>
      <c r="B1123" s="10">
        <v>33.362499999999997</v>
      </c>
      <c r="C1123" s="10">
        <v>32.473750000000003</v>
      </c>
      <c r="D1123" s="10">
        <v>31.291250000000002</v>
      </c>
      <c r="E1123" s="10">
        <v>31.35125</v>
      </c>
      <c r="F1123" s="10">
        <v>29.138750000000002</v>
      </c>
      <c r="G1123" s="10">
        <v>28.783000000000001</v>
      </c>
    </row>
    <row r="1124" spans="1:7" x14ac:dyDescent="0.25">
      <c r="A1124" s="10">
        <v>495.5</v>
      </c>
      <c r="B1124" s="10">
        <v>33.304499999999997</v>
      </c>
      <c r="C1124" s="10">
        <v>32.455750000000002</v>
      </c>
      <c r="D1124" s="10">
        <v>31.280999999999999</v>
      </c>
      <c r="E1124" s="10">
        <v>31.353249999999999</v>
      </c>
      <c r="F1124" s="10">
        <v>29.1205</v>
      </c>
      <c r="G1124" s="10">
        <v>28.7685</v>
      </c>
    </row>
    <row r="1125" spans="1:7" x14ac:dyDescent="0.25">
      <c r="A1125" s="10">
        <v>496</v>
      </c>
      <c r="B1125" s="10">
        <v>33.322249999999997</v>
      </c>
      <c r="C1125" s="10">
        <v>32.422750000000001</v>
      </c>
      <c r="D1125" s="10">
        <v>31.291</v>
      </c>
      <c r="E1125" s="10">
        <v>31.32</v>
      </c>
      <c r="F1125" s="10">
        <v>29.099</v>
      </c>
      <c r="G1125" s="10">
        <v>28.763999999999999</v>
      </c>
    </row>
    <row r="1126" spans="1:7" x14ac:dyDescent="0.25">
      <c r="A1126" s="10">
        <v>496.5</v>
      </c>
      <c r="B1126" s="10">
        <v>33.295250000000003</v>
      </c>
      <c r="C1126" s="10">
        <v>32.422499999999999</v>
      </c>
      <c r="D1126" s="10">
        <v>31.277999999999999</v>
      </c>
      <c r="E1126" s="10">
        <v>31.292000000000002</v>
      </c>
      <c r="F1126" s="10">
        <v>29.080249999999999</v>
      </c>
      <c r="G1126" s="10">
        <v>28.765999999999998</v>
      </c>
    </row>
    <row r="1127" spans="1:7" x14ac:dyDescent="0.25">
      <c r="A1127" s="10">
        <v>497</v>
      </c>
      <c r="B1127" s="10">
        <v>33.243749999999999</v>
      </c>
      <c r="C1127" s="10">
        <v>32.362250000000003</v>
      </c>
      <c r="D1127" s="10">
        <v>31.2315</v>
      </c>
      <c r="E1127" s="10">
        <v>31.271000000000001</v>
      </c>
      <c r="F1127" s="10">
        <v>29.0715</v>
      </c>
      <c r="G1127" s="10">
        <v>28.761749999999999</v>
      </c>
    </row>
    <row r="1128" spans="1:7" x14ac:dyDescent="0.25">
      <c r="A1128" s="10">
        <v>497.5</v>
      </c>
      <c r="B1128" s="10">
        <v>33.244500000000002</v>
      </c>
      <c r="C1128" s="10">
        <v>32.385249999999999</v>
      </c>
      <c r="D1128" s="10">
        <v>31.216000000000001</v>
      </c>
      <c r="E1128" s="10">
        <v>31.260249999999999</v>
      </c>
      <c r="F1128" s="10">
        <v>29.05575</v>
      </c>
      <c r="G1128" s="10">
        <v>28.724</v>
      </c>
    </row>
    <row r="1129" spans="1:7" x14ac:dyDescent="0.25">
      <c r="A1129" s="10">
        <v>498</v>
      </c>
      <c r="B1129" s="10">
        <v>33.232999999999997</v>
      </c>
      <c r="C1129" s="10">
        <v>32.332999999999998</v>
      </c>
      <c r="D1129" s="10">
        <v>31.22175</v>
      </c>
      <c r="E1129" s="10">
        <v>31.249749999999999</v>
      </c>
      <c r="F1129" s="10">
        <v>29.046250000000001</v>
      </c>
      <c r="G1129" s="10">
        <v>28.703749999999999</v>
      </c>
    </row>
    <row r="1130" spans="1:7" x14ac:dyDescent="0.25">
      <c r="A1130" s="10">
        <v>498.5</v>
      </c>
      <c r="B1130" s="10">
        <v>33.198999999999998</v>
      </c>
      <c r="C1130" s="10">
        <v>32.320500000000003</v>
      </c>
      <c r="D1130" s="10">
        <v>31.188749999999999</v>
      </c>
      <c r="E1130" s="10">
        <v>31.218250000000001</v>
      </c>
      <c r="F1130" s="10">
        <v>29.045999999999999</v>
      </c>
      <c r="G1130" s="10">
        <v>28.710249999999998</v>
      </c>
    </row>
    <row r="1131" spans="1:7" x14ac:dyDescent="0.25">
      <c r="A1131" s="10">
        <v>499</v>
      </c>
      <c r="B1131" s="10">
        <v>33.1845</v>
      </c>
      <c r="C1131" s="10">
        <v>32.298749999999998</v>
      </c>
      <c r="D1131" s="10">
        <v>31.191749999999999</v>
      </c>
      <c r="E1131" s="10">
        <v>31.192250000000001</v>
      </c>
      <c r="F1131" s="10">
        <v>29.016999999999999</v>
      </c>
      <c r="G1131" s="10">
        <v>28.6815</v>
      </c>
    </row>
    <row r="1132" spans="1:7" x14ac:dyDescent="0.25">
      <c r="A1132" s="10">
        <v>499.5</v>
      </c>
      <c r="B1132" s="10">
        <v>33.158250000000002</v>
      </c>
      <c r="C1132" s="10">
        <v>32.283999999999999</v>
      </c>
      <c r="D1132" s="10">
        <v>31.145250000000001</v>
      </c>
      <c r="E1132" s="10">
        <v>31.21875</v>
      </c>
      <c r="F1132" s="10">
        <v>29.012</v>
      </c>
      <c r="G1132" s="10">
        <v>28.6675</v>
      </c>
    </row>
    <row r="1133" spans="1:7" x14ac:dyDescent="0.25">
      <c r="A1133" s="10">
        <v>500</v>
      </c>
      <c r="B1133" s="10">
        <v>33.128</v>
      </c>
      <c r="C1133" s="10">
        <v>32.281999999999996</v>
      </c>
      <c r="D1133" s="10">
        <v>31.130749999999999</v>
      </c>
      <c r="E1133" s="10">
        <v>31.184750000000001</v>
      </c>
      <c r="F1133" s="10">
        <v>28.98725</v>
      </c>
      <c r="G1133" s="10">
        <v>28.680499999999999</v>
      </c>
    </row>
    <row r="1134" spans="1:7" x14ac:dyDescent="0.25">
      <c r="A1134" s="10">
        <v>500.5</v>
      </c>
      <c r="B1134" s="10">
        <v>33.121000000000002</v>
      </c>
      <c r="C1134" s="10">
        <v>32.241999999999997</v>
      </c>
      <c r="D1134" s="10">
        <v>31.11375</v>
      </c>
      <c r="E1134" s="10">
        <v>31.165749999999999</v>
      </c>
      <c r="F1134" s="10">
        <v>28.998000000000001</v>
      </c>
      <c r="G1134" s="10">
        <v>28.675750000000001</v>
      </c>
    </row>
    <row r="1135" spans="1:7" x14ac:dyDescent="0.25">
      <c r="A1135" s="10">
        <v>501</v>
      </c>
      <c r="B1135" s="10">
        <v>33.091500000000003</v>
      </c>
      <c r="C1135" s="10">
        <v>32.225250000000003</v>
      </c>
      <c r="D1135" s="10">
        <v>31.103000000000002</v>
      </c>
      <c r="E1135" s="10">
        <v>31.187999999999999</v>
      </c>
      <c r="F1135" s="10">
        <v>28.9665</v>
      </c>
      <c r="G1135" s="10">
        <v>28.64575</v>
      </c>
    </row>
    <row r="1136" spans="1:7" x14ac:dyDescent="0.25">
      <c r="A1136" s="10">
        <v>501.5</v>
      </c>
      <c r="B1136" s="10">
        <v>33.082749999999997</v>
      </c>
      <c r="C1136" s="10">
        <v>32.20675</v>
      </c>
      <c r="D1136" s="10">
        <v>31.104749999999999</v>
      </c>
      <c r="E1136" s="10">
        <v>31.138000000000002</v>
      </c>
      <c r="F1136" s="10">
        <v>28.963999999999999</v>
      </c>
      <c r="G1136" s="10">
        <v>28.628250000000001</v>
      </c>
    </row>
    <row r="1137" spans="1:7" x14ac:dyDescent="0.25">
      <c r="A1137" s="10">
        <v>502</v>
      </c>
      <c r="B1137" s="10">
        <v>33.059750000000001</v>
      </c>
      <c r="C1137" s="10">
        <v>32.200499999999998</v>
      </c>
      <c r="D1137" s="10">
        <v>31.07375</v>
      </c>
      <c r="E1137" s="10">
        <v>31.128499999999999</v>
      </c>
      <c r="F1137" s="10">
        <v>28.956499999999998</v>
      </c>
      <c r="G1137" s="10">
        <v>28.638500000000001</v>
      </c>
    </row>
    <row r="1138" spans="1:7" x14ac:dyDescent="0.25">
      <c r="A1138" s="10">
        <v>502.5</v>
      </c>
      <c r="B1138" s="10">
        <v>33.033499999999997</v>
      </c>
      <c r="C1138" s="10">
        <v>32.189250000000001</v>
      </c>
      <c r="D1138" s="10">
        <v>31.054500000000001</v>
      </c>
      <c r="E1138" s="10">
        <v>31.093250000000001</v>
      </c>
      <c r="F1138" s="10">
        <v>28.922000000000001</v>
      </c>
      <c r="G1138" s="10">
        <v>28.63025</v>
      </c>
    </row>
    <row r="1139" spans="1:7" x14ac:dyDescent="0.25">
      <c r="A1139" s="10">
        <v>503</v>
      </c>
      <c r="B1139" s="10">
        <v>33.018999999999998</v>
      </c>
      <c r="C1139" s="10">
        <v>32.142749999999999</v>
      </c>
      <c r="D1139" s="10">
        <v>31.024000000000001</v>
      </c>
      <c r="E1139" s="10">
        <v>31.077750000000002</v>
      </c>
      <c r="F1139" s="10">
        <v>28.927</v>
      </c>
      <c r="G1139" s="10">
        <v>28.611000000000001</v>
      </c>
    </row>
    <row r="1140" spans="1:7" x14ac:dyDescent="0.25">
      <c r="A1140" s="10">
        <v>503.5</v>
      </c>
      <c r="B1140" s="10">
        <v>33.012500000000003</v>
      </c>
      <c r="C1140" s="10">
        <v>32.136499999999998</v>
      </c>
      <c r="D1140" s="10">
        <v>31.013750000000002</v>
      </c>
      <c r="E1140" s="10">
        <v>31.073</v>
      </c>
      <c r="F1140" s="10">
        <v>28.891749999999998</v>
      </c>
      <c r="G1140" s="10">
        <v>28.59</v>
      </c>
    </row>
    <row r="1141" spans="1:7" x14ac:dyDescent="0.25">
      <c r="A1141" s="10">
        <v>504</v>
      </c>
      <c r="B1141" s="10">
        <v>32.957749999999997</v>
      </c>
      <c r="C1141" s="10">
        <v>32.113750000000003</v>
      </c>
      <c r="D1141" s="10">
        <v>31.002500000000001</v>
      </c>
      <c r="E1141" s="10">
        <v>31.077500000000001</v>
      </c>
      <c r="F1141" s="10">
        <v>28.877500000000001</v>
      </c>
      <c r="G1141" s="10">
        <v>28.594000000000001</v>
      </c>
    </row>
    <row r="1142" spans="1:7" x14ac:dyDescent="0.25">
      <c r="A1142" s="10">
        <v>504.5</v>
      </c>
      <c r="B1142" s="10">
        <v>32.948749999999997</v>
      </c>
      <c r="C1142" s="10">
        <v>32.084000000000003</v>
      </c>
      <c r="D1142" s="10">
        <v>30.966999999999999</v>
      </c>
      <c r="E1142" s="10">
        <v>31.063749999999999</v>
      </c>
      <c r="F1142" s="10">
        <v>28.8705</v>
      </c>
      <c r="G1142" s="10">
        <v>28.558</v>
      </c>
    </row>
    <row r="1143" spans="1:7" x14ac:dyDescent="0.25">
      <c r="A1143" s="10">
        <v>505</v>
      </c>
      <c r="B1143" s="10">
        <v>32.925249999999998</v>
      </c>
      <c r="C1143" s="10">
        <v>32.076500000000003</v>
      </c>
      <c r="D1143" s="10">
        <v>30.96275</v>
      </c>
      <c r="E1143" s="10">
        <v>31.021750000000001</v>
      </c>
      <c r="F1143" s="10">
        <v>28.848500000000001</v>
      </c>
      <c r="G1143" s="10">
        <v>28.559000000000001</v>
      </c>
    </row>
    <row r="1144" spans="1:7" x14ac:dyDescent="0.25">
      <c r="A1144" s="10">
        <v>505.5</v>
      </c>
      <c r="B1144" s="10">
        <v>32.906999999999996</v>
      </c>
      <c r="C1144" s="10">
        <v>32.031500000000001</v>
      </c>
      <c r="D1144" s="10">
        <v>30.930250000000001</v>
      </c>
      <c r="E1144" s="10">
        <v>31.023</v>
      </c>
      <c r="F1144" s="10">
        <v>28.803000000000001</v>
      </c>
      <c r="G1144" s="10">
        <v>28.561250000000001</v>
      </c>
    </row>
    <row r="1145" spans="1:7" x14ac:dyDescent="0.25">
      <c r="A1145" s="10">
        <v>506</v>
      </c>
      <c r="B1145" s="10">
        <v>32.877000000000002</v>
      </c>
      <c r="C1145" s="10">
        <v>32.04175</v>
      </c>
      <c r="D1145" s="10">
        <v>30.944749999999999</v>
      </c>
      <c r="E1145" s="10">
        <v>30.99925</v>
      </c>
      <c r="F1145" s="10">
        <v>28.80425</v>
      </c>
      <c r="G1145" s="10">
        <v>28.537500000000001</v>
      </c>
    </row>
    <row r="1146" spans="1:7" x14ac:dyDescent="0.25">
      <c r="A1146" s="10">
        <v>506.5</v>
      </c>
      <c r="B1146" s="10">
        <v>32.883249999999997</v>
      </c>
      <c r="C1146" s="10">
        <v>32.028750000000002</v>
      </c>
      <c r="D1146" s="10">
        <v>30.896249999999998</v>
      </c>
      <c r="E1146" s="10">
        <v>31.001000000000001</v>
      </c>
      <c r="F1146" s="10">
        <v>28.810749999999999</v>
      </c>
      <c r="G1146" s="10">
        <v>28.526</v>
      </c>
    </row>
    <row r="1147" spans="1:7" x14ac:dyDescent="0.25">
      <c r="A1147" s="10">
        <v>507</v>
      </c>
      <c r="B1147" s="10">
        <v>32.841250000000002</v>
      </c>
      <c r="C1147" s="10">
        <v>32.015749999999997</v>
      </c>
      <c r="D1147" s="10">
        <v>30.903749999999999</v>
      </c>
      <c r="E1147" s="10">
        <v>30.950500000000002</v>
      </c>
      <c r="F1147" s="10">
        <v>28.787749999999999</v>
      </c>
      <c r="G1147" s="10">
        <v>28.492999999999999</v>
      </c>
    </row>
    <row r="1148" spans="1:7" x14ac:dyDescent="0.25">
      <c r="A1148" s="10">
        <v>507.5</v>
      </c>
      <c r="B1148" s="10">
        <v>32.816249999999997</v>
      </c>
      <c r="C1148" s="10">
        <v>32.009</v>
      </c>
      <c r="D1148" s="10">
        <v>30.855250000000002</v>
      </c>
      <c r="E1148" s="10">
        <v>30.934999999999999</v>
      </c>
      <c r="F1148" s="10">
        <v>28.792999999999999</v>
      </c>
      <c r="G1148" s="10">
        <v>28.491499999999998</v>
      </c>
    </row>
    <row r="1149" spans="1:7" x14ac:dyDescent="0.25">
      <c r="A1149" s="10">
        <v>508</v>
      </c>
      <c r="B1149" s="10">
        <v>32.78575</v>
      </c>
      <c r="C1149" s="10">
        <v>31.972999999999999</v>
      </c>
      <c r="D1149" s="10">
        <v>30.829000000000001</v>
      </c>
      <c r="E1149" s="10">
        <v>30.924250000000001</v>
      </c>
      <c r="F1149" s="10">
        <v>28.765750000000001</v>
      </c>
      <c r="G1149" s="10">
        <v>28.452249999999999</v>
      </c>
    </row>
    <row r="1150" spans="1:7" x14ac:dyDescent="0.25">
      <c r="A1150" s="10">
        <v>508.5</v>
      </c>
      <c r="B1150" s="10">
        <v>32.772500000000001</v>
      </c>
      <c r="C1150" s="10">
        <v>31.943249999999999</v>
      </c>
      <c r="D1150" s="10">
        <v>30.828749999999999</v>
      </c>
      <c r="E1150" s="10">
        <v>30.9115</v>
      </c>
      <c r="F1150" s="10">
        <v>28.771750000000001</v>
      </c>
      <c r="G1150" s="10">
        <v>28.481999999999999</v>
      </c>
    </row>
    <row r="1151" spans="1:7" x14ac:dyDescent="0.25">
      <c r="A1151" s="10">
        <v>509</v>
      </c>
      <c r="B1151" s="10">
        <v>32.788249999999998</v>
      </c>
      <c r="C1151" s="10">
        <v>31.945</v>
      </c>
      <c r="D1151" s="10">
        <v>30.805250000000001</v>
      </c>
      <c r="E1151" s="10">
        <v>30.903500000000001</v>
      </c>
      <c r="F1151" s="10">
        <v>28.74775</v>
      </c>
      <c r="G1151" s="10">
        <v>28.484500000000001</v>
      </c>
    </row>
    <row r="1152" spans="1:7" x14ac:dyDescent="0.25">
      <c r="A1152" s="10">
        <v>509.5</v>
      </c>
      <c r="B1152" s="10">
        <v>32.764000000000003</v>
      </c>
      <c r="C1152" s="10">
        <v>31.9345</v>
      </c>
      <c r="D1152" s="10">
        <v>30.818000000000001</v>
      </c>
      <c r="E1152" s="10">
        <v>30.901</v>
      </c>
      <c r="F1152" s="10">
        <v>28.739249999999998</v>
      </c>
      <c r="G1152" s="10">
        <v>28.436499999999999</v>
      </c>
    </row>
    <row r="1153" spans="1:7" x14ac:dyDescent="0.25">
      <c r="A1153" s="10">
        <v>510</v>
      </c>
      <c r="B1153" s="10">
        <v>32.716999999999999</v>
      </c>
      <c r="C1153" s="10">
        <v>31.904250000000001</v>
      </c>
      <c r="D1153" s="10">
        <v>30.78275</v>
      </c>
      <c r="E1153" s="10">
        <v>30.858499999999999</v>
      </c>
      <c r="F1153" s="10">
        <v>28.73</v>
      </c>
      <c r="G1153" s="10">
        <v>28.44575</v>
      </c>
    </row>
    <row r="1154" spans="1:7" x14ac:dyDescent="0.25">
      <c r="A1154" s="10">
        <v>510.5</v>
      </c>
      <c r="B1154" s="10">
        <v>32.701000000000001</v>
      </c>
      <c r="C1154" s="10">
        <v>31.86225</v>
      </c>
      <c r="D1154" s="10">
        <v>30.764749999999999</v>
      </c>
      <c r="E1154" s="10">
        <v>30.859749999999998</v>
      </c>
      <c r="F1154" s="10">
        <v>28.722999999999999</v>
      </c>
      <c r="G1154" s="10">
        <v>28.427499999999998</v>
      </c>
    </row>
    <row r="1155" spans="1:7" x14ac:dyDescent="0.25">
      <c r="A1155" s="10">
        <v>511</v>
      </c>
      <c r="B1155" s="10">
        <v>32.688000000000002</v>
      </c>
      <c r="C1155" s="10">
        <v>31.86225</v>
      </c>
      <c r="D1155" s="10">
        <v>30.739750000000001</v>
      </c>
      <c r="E1155" s="10">
        <v>30.84375</v>
      </c>
      <c r="F1155" s="10">
        <v>28.705500000000001</v>
      </c>
      <c r="G1155" s="10">
        <v>28.433250000000001</v>
      </c>
    </row>
    <row r="1156" spans="1:7" x14ac:dyDescent="0.25">
      <c r="A1156" s="10">
        <v>511.5</v>
      </c>
      <c r="B1156" s="10">
        <v>32.648000000000003</v>
      </c>
      <c r="C1156" s="10">
        <v>31.829249999999998</v>
      </c>
      <c r="D1156" s="10">
        <v>30.728000000000002</v>
      </c>
      <c r="E1156" s="10">
        <v>30.821999999999999</v>
      </c>
      <c r="F1156" s="10">
        <v>28.676500000000001</v>
      </c>
      <c r="G1156" s="10">
        <v>28.420750000000002</v>
      </c>
    </row>
    <row r="1157" spans="1:7" x14ac:dyDescent="0.25">
      <c r="A1157" s="10">
        <v>512</v>
      </c>
      <c r="B1157" s="10">
        <v>32.636000000000003</v>
      </c>
      <c r="C1157" s="10">
        <v>31.800249999999998</v>
      </c>
      <c r="D1157" s="10">
        <v>30.72</v>
      </c>
      <c r="E1157" s="10">
        <v>30.822500000000002</v>
      </c>
      <c r="F1157" s="10">
        <v>28.672999999999998</v>
      </c>
      <c r="G1157" s="10">
        <v>28.433250000000001</v>
      </c>
    </row>
    <row r="1158" spans="1:7" x14ac:dyDescent="0.25">
      <c r="A1158" s="10">
        <v>512.5</v>
      </c>
      <c r="B1158" s="10">
        <v>32.613750000000003</v>
      </c>
      <c r="C1158" s="10">
        <v>31.777000000000001</v>
      </c>
      <c r="D1158" s="10">
        <v>30.734749999999998</v>
      </c>
      <c r="E1158" s="10">
        <v>30.780750000000001</v>
      </c>
      <c r="F1158" s="10">
        <v>28.670999999999999</v>
      </c>
      <c r="G1158" s="10">
        <v>28.409500000000001</v>
      </c>
    </row>
    <row r="1159" spans="1:7" x14ac:dyDescent="0.25">
      <c r="A1159" s="10">
        <v>513</v>
      </c>
      <c r="B1159" s="10">
        <v>32.597499999999997</v>
      </c>
      <c r="C1159" s="10">
        <v>31.75825</v>
      </c>
      <c r="D1159" s="10">
        <v>30.670500000000001</v>
      </c>
      <c r="E1159" s="10">
        <v>30.767250000000001</v>
      </c>
      <c r="F1159" s="10">
        <v>28.654499999999999</v>
      </c>
      <c r="G1159" s="10">
        <v>28.3825</v>
      </c>
    </row>
    <row r="1160" spans="1:7" x14ac:dyDescent="0.25">
      <c r="A1160" s="10">
        <v>513.5</v>
      </c>
      <c r="B1160" s="10">
        <v>32.598999999999997</v>
      </c>
      <c r="C1160" s="10">
        <v>31.776</v>
      </c>
      <c r="D1160" s="10">
        <v>30.662749999999999</v>
      </c>
      <c r="E1160" s="10">
        <v>30.763750000000002</v>
      </c>
      <c r="F1160" s="10">
        <v>28.631250000000001</v>
      </c>
      <c r="G1160" s="10">
        <v>28.373000000000001</v>
      </c>
    </row>
    <row r="1161" spans="1:7" x14ac:dyDescent="0.25">
      <c r="A1161" s="10">
        <v>514</v>
      </c>
      <c r="B1161" s="10">
        <v>32.552999999999997</v>
      </c>
      <c r="C1161" s="10">
        <v>31.741499999999998</v>
      </c>
      <c r="D1161" s="10">
        <v>30.66075</v>
      </c>
      <c r="E1161" s="10">
        <v>30.748249999999999</v>
      </c>
      <c r="F1161" s="10">
        <v>28.617999999999999</v>
      </c>
      <c r="G1161" s="10">
        <v>28.364000000000001</v>
      </c>
    </row>
    <row r="1162" spans="1:7" x14ac:dyDescent="0.25">
      <c r="A1162" s="10">
        <v>514.5</v>
      </c>
      <c r="B1162" s="10">
        <v>32.526000000000003</v>
      </c>
      <c r="C1162" s="10">
        <v>31.737500000000001</v>
      </c>
      <c r="D1162" s="10">
        <v>30.620249999999999</v>
      </c>
      <c r="E1162" s="10">
        <v>30.735749999999999</v>
      </c>
      <c r="F1162" s="10">
        <v>28.6035</v>
      </c>
      <c r="G1162" s="10">
        <v>28.388500000000001</v>
      </c>
    </row>
    <row r="1163" spans="1:7" x14ac:dyDescent="0.25">
      <c r="A1163" s="10">
        <v>515</v>
      </c>
      <c r="B1163" s="10">
        <v>32.520000000000003</v>
      </c>
      <c r="C1163" s="10">
        <v>31.704000000000001</v>
      </c>
      <c r="D1163" s="10">
        <v>30.638249999999999</v>
      </c>
      <c r="E1163" s="10">
        <v>30.749749999999999</v>
      </c>
      <c r="F1163" s="10">
        <v>28.579000000000001</v>
      </c>
      <c r="G1163" s="10">
        <v>28.344750000000001</v>
      </c>
    </row>
    <row r="1164" spans="1:7" x14ac:dyDescent="0.25">
      <c r="A1164" s="10">
        <v>515.5</v>
      </c>
      <c r="B1164" s="10">
        <v>32.505249999999997</v>
      </c>
      <c r="C1164" s="10">
        <v>31.701750000000001</v>
      </c>
      <c r="D1164" s="10">
        <v>30.5855</v>
      </c>
      <c r="E1164" s="10">
        <v>30.701750000000001</v>
      </c>
      <c r="F1164" s="10">
        <v>28.579249999999998</v>
      </c>
      <c r="G1164" s="10">
        <v>28.35</v>
      </c>
    </row>
    <row r="1165" spans="1:7" x14ac:dyDescent="0.25">
      <c r="A1165" s="10">
        <v>516</v>
      </c>
      <c r="B1165" s="10">
        <v>32.460500000000003</v>
      </c>
      <c r="C1165" s="10">
        <v>31.65325</v>
      </c>
      <c r="D1165" s="10">
        <v>30.579499999999999</v>
      </c>
      <c r="E1165" s="10">
        <v>30.689499999999999</v>
      </c>
      <c r="F1165" s="10">
        <v>28.567499999999999</v>
      </c>
      <c r="G1165" s="10">
        <v>28.308499999999999</v>
      </c>
    </row>
    <row r="1166" spans="1:7" x14ac:dyDescent="0.25">
      <c r="A1166" s="10">
        <v>516.5</v>
      </c>
      <c r="B1166" s="10">
        <v>32.47775</v>
      </c>
      <c r="C1166" s="10">
        <v>31.64</v>
      </c>
      <c r="D1166" s="10">
        <v>30.58625</v>
      </c>
      <c r="E1166" s="10">
        <v>30.65925</v>
      </c>
      <c r="F1166" s="10">
        <v>28.524750000000001</v>
      </c>
      <c r="G1166" s="10">
        <v>28.279250000000001</v>
      </c>
    </row>
    <row r="1167" spans="1:7" x14ac:dyDescent="0.25">
      <c r="A1167" s="10">
        <v>517</v>
      </c>
      <c r="B1167" s="10">
        <v>32.417000000000002</v>
      </c>
      <c r="C1167" s="10">
        <v>31.635249999999999</v>
      </c>
      <c r="D1167" s="10">
        <v>30.556000000000001</v>
      </c>
      <c r="E1167" s="10">
        <v>30.672000000000001</v>
      </c>
      <c r="F1167" s="10">
        <v>28.547999999999998</v>
      </c>
      <c r="G1167" s="10">
        <v>28.297499999999999</v>
      </c>
    </row>
    <row r="1168" spans="1:7" x14ac:dyDescent="0.25">
      <c r="A1168" s="10">
        <v>517.5</v>
      </c>
      <c r="B1168" s="10">
        <v>32.418750000000003</v>
      </c>
      <c r="C1168" s="10">
        <v>31.59225</v>
      </c>
      <c r="D1168" s="10">
        <v>30.52825</v>
      </c>
      <c r="E1168" s="10">
        <v>30.625499999999999</v>
      </c>
      <c r="F1168" s="10">
        <v>28.528500000000001</v>
      </c>
      <c r="G1168" s="10">
        <v>28.273250000000001</v>
      </c>
    </row>
    <row r="1169" spans="1:7" x14ac:dyDescent="0.25">
      <c r="A1169" s="10">
        <v>518</v>
      </c>
      <c r="B1169" s="10">
        <v>32.408999999999999</v>
      </c>
      <c r="C1169" s="10">
        <v>31.60425</v>
      </c>
      <c r="D1169" s="10">
        <v>30.521750000000001</v>
      </c>
      <c r="E1169" s="10">
        <v>30.637250000000002</v>
      </c>
      <c r="F1169" s="10">
        <v>28.505500000000001</v>
      </c>
      <c r="G1169" s="10">
        <v>28.254999999999999</v>
      </c>
    </row>
    <row r="1170" spans="1:7" x14ac:dyDescent="0.25">
      <c r="A1170" s="10">
        <v>518.5</v>
      </c>
      <c r="B1170" s="10">
        <v>32.3765</v>
      </c>
      <c r="C1170" s="10">
        <v>31.576250000000002</v>
      </c>
      <c r="D1170" s="10">
        <v>30.50975</v>
      </c>
      <c r="E1170" s="10">
        <v>30.631499999999999</v>
      </c>
      <c r="F1170" s="10">
        <v>28.50375</v>
      </c>
      <c r="G1170" s="10">
        <v>28.263000000000002</v>
      </c>
    </row>
    <row r="1171" spans="1:7" x14ac:dyDescent="0.25">
      <c r="A1171" s="10">
        <v>519</v>
      </c>
      <c r="B1171" s="10">
        <v>32.360999999999997</v>
      </c>
      <c r="C1171" s="10">
        <v>31.555</v>
      </c>
      <c r="D1171" s="10">
        <v>30.488</v>
      </c>
      <c r="E1171" s="10">
        <v>30.601500000000001</v>
      </c>
      <c r="F1171" s="10">
        <v>28.488250000000001</v>
      </c>
      <c r="G1171" s="10">
        <v>28.241250000000001</v>
      </c>
    </row>
    <row r="1172" spans="1:7" x14ac:dyDescent="0.25">
      <c r="A1172" s="10">
        <v>519.5</v>
      </c>
      <c r="B1172" s="10">
        <v>32.33625</v>
      </c>
      <c r="C1172" s="10">
        <v>31.547499999999999</v>
      </c>
      <c r="D1172" s="10">
        <v>30.4695</v>
      </c>
      <c r="E1172" s="10">
        <v>30.570250000000001</v>
      </c>
      <c r="F1172" s="10">
        <v>28.474250000000001</v>
      </c>
      <c r="G1172" s="10">
        <v>28.239249999999998</v>
      </c>
    </row>
    <row r="1173" spans="1:7" x14ac:dyDescent="0.25">
      <c r="A1173" s="10">
        <v>520</v>
      </c>
      <c r="B1173" s="10">
        <v>32.320250000000001</v>
      </c>
      <c r="C1173" s="10">
        <v>31.510249999999999</v>
      </c>
      <c r="D1173" s="10">
        <v>30.438749999999999</v>
      </c>
      <c r="E1173" s="10">
        <v>30.589749999999999</v>
      </c>
      <c r="F1173" s="10">
        <v>28.452249999999999</v>
      </c>
      <c r="G1173" s="10">
        <v>28.249749999999999</v>
      </c>
    </row>
    <row r="1174" spans="1:7" x14ac:dyDescent="0.25">
      <c r="A1174" s="10">
        <v>520.5</v>
      </c>
      <c r="B1174" s="10">
        <v>32.330500000000001</v>
      </c>
      <c r="C1174" s="10">
        <v>31.52375</v>
      </c>
      <c r="D1174" s="10">
        <v>30.426500000000001</v>
      </c>
      <c r="E1174" s="10">
        <v>30.540749999999999</v>
      </c>
      <c r="F1174" s="10">
        <v>28.44275</v>
      </c>
      <c r="G1174" s="10">
        <v>28.22</v>
      </c>
    </row>
    <row r="1175" spans="1:7" x14ac:dyDescent="0.25">
      <c r="A1175" s="10">
        <v>521</v>
      </c>
      <c r="B1175" s="10">
        <v>32.27075</v>
      </c>
      <c r="C1175" s="10">
        <v>31.491250000000001</v>
      </c>
      <c r="D1175" s="10">
        <v>30.4315</v>
      </c>
      <c r="E1175" s="10">
        <v>30.5425</v>
      </c>
      <c r="F1175" s="10">
        <v>28.425999999999998</v>
      </c>
      <c r="G1175" s="10">
        <v>28.237500000000001</v>
      </c>
    </row>
    <row r="1176" spans="1:7" x14ac:dyDescent="0.25">
      <c r="A1176" s="10">
        <v>521.5</v>
      </c>
      <c r="B1176" s="10">
        <v>32.246000000000002</v>
      </c>
      <c r="C1176" s="10">
        <v>31.472750000000001</v>
      </c>
      <c r="D1176" s="10">
        <v>30.382000000000001</v>
      </c>
      <c r="E1176" s="10">
        <v>30.553999999999998</v>
      </c>
      <c r="F1176" s="10">
        <v>28.407</v>
      </c>
      <c r="G1176" s="10">
        <v>28.192250000000001</v>
      </c>
    </row>
    <row r="1177" spans="1:7" x14ac:dyDescent="0.25">
      <c r="A1177" s="10">
        <v>522</v>
      </c>
      <c r="B1177" s="10">
        <v>32.241999999999997</v>
      </c>
      <c r="C1177" s="10">
        <v>31.45975</v>
      </c>
      <c r="D1177" s="10">
        <v>30.4085</v>
      </c>
      <c r="E1177" s="10">
        <v>30.540749999999999</v>
      </c>
      <c r="F1177" s="10">
        <v>28.384</v>
      </c>
      <c r="G1177" s="10">
        <v>28.195</v>
      </c>
    </row>
    <row r="1178" spans="1:7" x14ac:dyDescent="0.25">
      <c r="A1178" s="10">
        <v>522.5</v>
      </c>
      <c r="B1178" s="10">
        <v>32.225999999999999</v>
      </c>
      <c r="C1178" s="10">
        <v>31.44575</v>
      </c>
      <c r="D1178" s="10">
        <v>30.366250000000001</v>
      </c>
      <c r="E1178" s="10">
        <v>30.495249999999999</v>
      </c>
      <c r="F1178" s="10">
        <v>28.409500000000001</v>
      </c>
      <c r="G1178" s="10">
        <v>28.18225</v>
      </c>
    </row>
    <row r="1179" spans="1:7" x14ac:dyDescent="0.25">
      <c r="A1179" s="10">
        <v>523</v>
      </c>
      <c r="B1179" s="10">
        <v>32.214750000000002</v>
      </c>
      <c r="C1179" s="10">
        <v>31.44</v>
      </c>
      <c r="D1179" s="10">
        <v>30.332999999999998</v>
      </c>
      <c r="E1179" s="10">
        <v>30.495249999999999</v>
      </c>
      <c r="F1179" s="10">
        <v>28.39875</v>
      </c>
      <c r="G1179" s="10">
        <v>28.178000000000001</v>
      </c>
    </row>
    <row r="1180" spans="1:7" x14ac:dyDescent="0.25">
      <c r="A1180" s="10">
        <v>523.5</v>
      </c>
      <c r="B1180" s="10">
        <v>32.186999999999998</v>
      </c>
      <c r="C1180" s="10">
        <v>31.396000000000001</v>
      </c>
      <c r="D1180" s="10">
        <v>30.326750000000001</v>
      </c>
      <c r="E1180" s="10">
        <v>30.474499999999999</v>
      </c>
      <c r="F1180" s="10">
        <v>28.369</v>
      </c>
      <c r="G1180" s="10">
        <v>28.15775</v>
      </c>
    </row>
    <row r="1181" spans="1:7" x14ac:dyDescent="0.25">
      <c r="A1181" s="10">
        <v>524</v>
      </c>
      <c r="B1181" s="10">
        <v>32.173499999999997</v>
      </c>
      <c r="C1181" s="10">
        <v>31.380749999999999</v>
      </c>
      <c r="D1181" s="10">
        <v>30.327999999999999</v>
      </c>
      <c r="E1181" s="10">
        <v>30.468250000000001</v>
      </c>
      <c r="F1181" s="10">
        <v>28.381</v>
      </c>
      <c r="G1181" s="10">
        <v>28.145250000000001</v>
      </c>
    </row>
    <row r="1182" spans="1:7" x14ac:dyDescent="0.25">
      <c r="A1182" s="10">
        <v>524.5</v>
      </c>
      <c r="B1182" s="10">
        <v>32.140749999999997</v>
      </c>
      <c r="C1182" s="10">
        <v>31.352250000000002</v>
      </c>
      <c r="D1182" s="10">
        <v>30.307749999999999</v>
      </c>
      <c r="E1182" s="10">
        <v>30.4145</v>
      </c>
      <c r="F1182" s="10">
        <v>28.340250000000001</v>
      </c>
      <c r="G1182" s="10">
        <v>28.13475</v>
      </c>
    </row>
    <row r="1183" spans="1:7" x14ac:dyDescent="0.25">
      <c r="A1183" s="10">
        <v>525</v>
      </c>
      <c r="B1183" s="10">
        <v>32.135249999999999</v>
      </c>
      <c r="C1183" s="10">
        <v>31.37875</v>
      </c>
      <c r="D1183" s="10">
        <v>30.294499999999999</v>
      </c>
      <c r="E1183" s="10">
        <v>30.442</v>
      </c>
      <c r="F1183" s="10">
        <v>28.327750000000002</v>
      </c>
      <c r="G1183" s="10">
        <v>28.132000000000001</v>
      </c>
    </row>
    <row r="1184" spans="1:7" x14ac:dyDescent="0.25">
      <c r="A1184" s="10">
        <v>525.5</v>
      </c>
      <c r="B1184" s="10">
        <v>32.098999999999997</v>
      </c>
      <c r="C1184" s="10">
        <v>31.32525</v>
      </c>
      <c r="D1184" s="10">
        <v>30.277999999999999</v>
      </c>
      <c r="E1184" s="10">
        <v>30.423249999999999</v>
      </c>
      <c r="F1184" s="10">
        <v>28.325500000000002</v>
      </c>
      <c r="G1184" s="10">
        <v>28.114249999999998</v>
      </c>
    </row>
    <row r="1185" spans="1:7" x14ac:dyDescent="0.25">
      <c r="A1185" s="10">
        <v>526</v>
      </c>
      <c r="B1185" s="10">
        <v>32.059249999999999</v>
      </c>
      <c r="C1185" s="10">
        <v>31.297249999999998</v>
      </c>
      <c r="D1185" s="10">
        <v>30.245249999999999</v>
      </c>
      <c r="E1185" s="10">
        <v>30.374500000000001</v>
      </c>
      <c r="F1185" s="10">
        <v>28.295500000000001</v>
      </c>
      <c r="G1185" s="10">
        <v>28.103999999999999</v>
      </c>
    </row>
    <row r="1186" spans="1:7" x14ac:dyDescent="0.25">
      <c r="A1186" s="10">
        <v>526.5</v>
      </c>
      <c r="B1186" s="10">
        <v>32.0685</v>
      </c>
      <c r="C1186" s="10">
        <v>31.292249999999999</v>
      </c>
      <c r="D1186" s="10">
        <v>30.236499999999999</v>
      </c>
      <c r="E1186" s="10">
        <v>30.365500000000001</v>
      </c>
      <c r="F1186" s="10">
        <v>28.276</v>
      </c>
      <c r="G1186" s="10">
        <v>28.117999999999999</v>
      </c>
    </row>
    <row r="1187" spans="1:7" x14ac:dyDescent="0.25">
      <c r="A1187" s="10">
        <v>527</v>
      </c>
      <c r="B1187" s="10">
        <v>32.057250000000003</v>
      </c>
      <c r="C1187" s="10">
        <v>31.266749999999998</v>
      </c>
      <c r="D1187" s="10">
        <v>30.24475</v>
      </c>
      <c r="E1187" s="10">
        <v>30.357500000000002</v>
      </c>
      <c r="F1187" s="10">
        <v>28.274000000000001</v>
      </c>
      <c r="G1187" s="10">
        <v>28.105</v>
      </c>
    </row>
    <row r="1188" spans="1:7" x14ac:dyDescent="0.25">
      <c r="A1188" s="10">
        <v>527.5</v>
      </c>
      <c r="B1188" s="10">
        <v>32.015500000000003</v>
      </c>
      <c r="C1188" s="10">
        <v>31.265750000000001</v>
      </c>
      <c r="D1188" s="10">
        <v>30.1965</v>
      </c>
      <c r="E1188" s="10">
        <v>30.346</v>
      </c>
      <c r="F1188" s="10">
        <v>28.274000000000001</v>
      </c>
      <c r="G1188" s="10">
        <v>28.082249999999998</v>
      </c>
    </row>
    <row r="1189" spans="1:7" x14ac:dyDescent="0.25">
      <c r="A1189" s="10">
        <v>528</v>
      </c>
      <c r="B1189" s="10">
        <v>32.048250000000003</v>
      </c>
      <c r="C1189" s="10">
        <v>31.24025</v>
      </c>
      <c r="D1189" s="10">
        <v>30.1785</v>
      </c>
      <c r="E1189" s="10">
        <v>30.3505</v>
      </c>
      <c r="F1189" s="10">
        <v>28.24925</v>
      </c>
      <c r="G1189" s="10">
        <v>28.07375</v>
      </c>
    </row>
    <row r="1190" spans="1:7" x14ac:dyDescent="0.25">
      <c r="A1190" s="10">
        <v>528.5</v>
      </c>
      <c r="B1190" s="10">
        <v>32.021500000000003</v>
      </c>
      <c r="C1190" s="10">
        <v>31.243500000000001</v>
      </c>
      <c r="D1190" s="10">
        <v>30.158750000000001</v>
      </c>
      <c r="E1190" s="10">
        <v>30.311499999999999</v>
      </c>
      <c r="F1190" s="10">
        <v>28.220500000000001</v>
      </c>
      <c r="G1190" s="10">
        <v>28.07225</v>
      </c>
    </row>
    <row r="1191" spans="1:7" x14ac:dyDescent="0.25">
      <c r="A1191" s="10">
        <v>529</v>
      </c>
      <c r="B1191" s="10">
        <v>31.981000000000002</v>
      </c>
      <c r="C1191" s="10">
        <v>31.224</v>
      </c>
      <c r="D1191" s="10">
        <v>30.154</v>
      </c>
      <c r="E1191" s="10">
        <v>30.293500000000002</v>
      </c>
      <c r="F1191" s="10">
        <v>28.228000000000002</v>
      </c>
      <c r="G1191" s="10">
        <v>28.085999999999999</v>
      </c>
    </row>
    <row r="1192" spans="1:7" x14ac:dyDescent="0.25">
      <c r="A1192" s="10">
        <v>529.5</v>
      </c>
      <c r="B1192" s="10">
        <v>31.952750000000002</v>
      </c>
      <c r="C1192" s="10">
        <v>31.185500000000001</v>
      </c>
      <c r="D1192" s="10">
        <v>30.144749999999998</v>
      </c>
      <c r="E1192" s="10">
        <v>30.289249999999999</v>
      </c>
      <c r="F1192" s="10">
        <v>28.233000000000001</v>
      </c>
      <c r="G1192" s="10">
        <v>28.053999999999998</v>
      </c>
    </row>
    <row r="1193" spans="1:7" x14ac:dyDescent="0.25">
      <c r="A1193" s="10">
        <v>530</v>
      </c>
      <c r="B1193" s="10">
        <v>31.942250000000001</v>
      </c>
      <c r="C1193" s="10">
        <v>31.166499999999999</v>
      </c>
      <c r="D1193" s="10">
        <v>30.122250000000001</v>
      </c>
      <c r="E1193" s="10">
        <v>30.262</v>
      </c>
      <c r="F1193" s="10">
        <v>28.206499999999998</v>
      </c>
      <c r="G1193" s="10">
        <v>28.018750000000001</v>
      </c>
    </row>
    <row r="1194" spans="1:7" x14ac:dyDescent="0.25">
      <c r="A1194" s="10">
        <v>530.5</v>
      </c>
      <c r="B1194" s="10">
        <v>31.923749999999998</v>
      </c>
      <c r="C1194" s="10">
        <v>31.194500000000001</v>
      </c>
      <c r="D1194" s="10">
        <v>30.111750000000001</v>
      </c>
      <c r="E1194" s="10">
        <v>30.257000000000001</v>
      </c>
      <c r="F1194" s="10">
        <v>28.201750000000001</v>
      </c>
      <c r="G1194" s="10">
        <v>28.045249999999999</v>
      </c>
    </row>
    <row r="1195" spans="1:7" x14ac:dyDescent="0.25">
      <c r="A1195" s="10">
        <v>531</v>
      </c>
      <c r="B1195" s="10">
        <v>31.9145</v>
      </c>
      <c r="C1195" s="10">
        <v>31.1465</v>
      </c>
      <c r="D1195" s="10">
        <v>30.100999999999999</v>
      </c>
      <c r="E1195" s="10">
        <v>30.2315</v>
      </c>
      <c r="F1195" s="10">
        <v>28.169250000000002</v>
      </c>
      <c r="G1195" s="10">
        <v>27.99925</v>
      </c>
    </row>
    <row r="1196" spans="1:7" x14ac:dyDescent="0.25">
      <c r="A1196" s="10">
        <v>531.5</v>
      </c>
      <c r="B1196" s="10">
        <v>31.896000000000001</v>
      </c>
      <c r="C1196" s="10">
        <v>31.116499999999998</v>
      </c>
      <c r="D1196" s="10">
        <v>30.092500000000001</v>
      </c>
      <c r="E1196" s="10">
        <v>30.23</v>
      </c>
      <c r="F1196" s="10">
        <v>28.15925</v>
      </c>
      <c r="G1196" s="10">
        <v>28.014500000000002</v>
      </c>
    </row>
    <row r="1197" spans="1:7" x14ac:dyDescent="0.25">
      <c r="A1197" s="10">
        <v>532</v>
      </c>
      <c r="B1197" s="10">
        <v>31.863499999999998</v>
      </c>
      <c r="C1197" s="10">
        <v>31.126750000000001</v>
      </c>
      <c r="D1197" s="10">
        <v>30.081</v>
      </c>
      <c r="E1197" s="10">
        <v>30.2</v>
      </c>
      <c r="F1197" s="10">
        <v>28.155999999999999</v>
      </c>
      <c r="G1197" s="10">
        <v>27.986249999999998</v>
      </c>
    </row>
    <row r="1198" spans="1:7" x14ac:dyDescent="0.25">
      <c r="A1198" s="10">
        <v>532.5</v>
      </c>
      <c r="B1198" s="10">
        <v>31.84375</v>
      </c>
      <c r="C1198" s="10">
        <v>31.09975</v>
      </c>
      <c r="D1198" s="10">
        <v>30.076750000000001</v>
      </c>
      <c r="E1198" s="10">
        <v>30.232500000000002</v>
      </c>
      <c r="F1198" s="10">
        <v>28.13</v>
      </c>
      <c r="G1198" s="10">
        <v>27.97025</v>
      </c>
    </row>
    <row r="1199" spans="1:7" x14ac:dyDescent="0.25">
      <c r="A1199" s="10">
        <v>533</v>
      </c>
      <c r="B1199" s="10">
        <v>31.817</v>
      </c>
      <c r="C1199" s="10">
        <v>31.10425</v>
      </c>
      <c r="D1199" s="10">
        <v>30.03425</v>
      </c>
      <c r="E1199" s="10">
        <v>30.193999999999999</v>
      </c>
      <c r="F1199" s="10">
        <v>28.149000000000001</v>
      </c>
      <c r="G1199" s="10">
        <v>27.954249999999998</v>
      </c>
    </row>
    <row r="1200" spans="1:7" x14ac:dyDescent="0.25">
      <c r="A1200" s="10">
        <v>533.5</v>
      </c>
      <c r="B1200" s="10">
        <v>31.820250000000001</v>
      </c>
      <c r="C1200" s="10">
        <v>31.079750000000001</v>
      </c>
      <c r="D1200" s="10">
        <v>30.017749999999999</v>
      </c>
      <c r="E1200" s="10">
        <v>30.204999999999998</v>
      </c>
      <c r="F1200" s="10">
        <v>28.126750000000001</v>
      </c>
      <c r="G1200" s="10">
        <v>27.960249999999998</v>
      </c>
    </row>
    <row r="1201" spans="1:7" x14ac:dyDescent="0.25">
      <c r="A1201" s="10">
        <v>534</v>
      </c>
      <c r="B1201" s="10">
        <v>31.790500000000002</v>
      </c>
      <c r="C1201" s="10">
        <v>31.061</v>
      </c>
      <c r="D1201" s="10">
        <v>29.996749999999999</v>
      </c>
      <c r="E1201" s="10">
        <v>30.1495</v>
      </c>
      <c r="F1201" s="10">
        <v>28.117249999999999</v>
      </c>
      <c r="G1201" s="10">
        <v>27.967749999999999</v>
      </c>
    </row>
    <row r="1202" spans="1:7" x14ac:dyDescent="0.25">
      <c r="A1202" s="10">
        <v>534.5</v>
      </c>
      <c r="B1202" s="10">
        <v>31.764500000000002</v>
      </c>
      <c r="C1202" s="10">
        <v>31.018249999999998</v>
      </c>
      <c r="D1202" s="10">
        <v>29.999749999999999</v>
      </c>
      <c r="E1202" s="10">
        <v>30.141999999999999</v>
      </c>
      <c r="F1202" s="10">
        <v>28.10275</v>
      </c>
      <c r="G1202" s="10">
        <v>27.94725</v>
      </c>
    </row>
    <row r="1203" spans="1:7" x14ac:dyDescent="0.25">
      <c r="A1203" s="10">
        <v>535</v>
      </c>
      <c r="B1203" s="10">
        <v>31.75225</v>
      </c>
      <c r="C1203" s="10">
        <v>31.000250000000001</v>
      </c>
      <c r="D1203" s="10">
        <v>29.97475</v>
      </c>
      <c r="E1203" s="10">
        <v>30.132000000000001</v>
      </c>
      <c r="F1203" s="10">
        <v>28.08325</v>
      </c>
      <c r="G1203" s="10">
        <v>27.931999999999999</v>
      </c>
    </row>
    <row r="1204" spans="1:7" x14ac:dyDescent="0.25">
      <c r="A1204" s="10">
        <v>535.5</v>
      </c>
      <c r="B1204" s="10">
        <v>31.768249999999998</v>
      </c>
      <c r="C1204" s="10">
        <v>30.986999999999998</v>
      </c>
      <c r="D1204" s="10">
        <v>29.967500000000001</v>
      </c>
      <c r="E1204" s="10">
        <v>30.123000000000001</v>
      </c>
      <c r="F1204" s="10">
        <v>28.078749999999999</v>
      </c>
      <c r="G1204" s="10">
        <v>27.922249999999998</v>
      </c>
    </row>
    <row r="1205" spans="1:7" x14ac:dyDescent="0.25">
      <c r="A1205" s="10">
        <v>536</v>
      </c>
      <c r="B1205" s="10">
        <v>31.720749999999999</v>
      </c>
      <c r="C1205" s="10">
        <v>30.99175</v>
      </c>
      <c r="D1205" s="10">
        <v>29.943249999999999</v>
      </c>
      <c r="E1205" s="10">
        <v>30.105250000000002</v>
      </c>
      <c r="F1205" s="10">
        <v>28.05</v>
      </c>
      <c r="G1205" s="10">
        <v>27.898250000000001</v>
      </c>
    </row>
    <row r="1206" spans="1:7" x14ac:dyDescent="0.25">
      <c r="A1206" s="10">
        <v>536.5</v>
      </c>
      <c r="B1206" s="10">
        <v>31.709</v>
      </c>
      <c r="C1206" s="10">
        <v>30.961500000000001</v>
      </c>
      <c r="D1206" s="10">
        <v>29.933250000000001</v>
      </c>
      <c r="E1206" s="10">
        <v>30.09375</v>
      </c>
      <c r="F1206" s="10">
        <v>28.046500000000002</v>
      </c>
      <c r="G1206" s="10">
        <v>27.885750000000002</v>
      </c>
    </row>
    <row r="1207" spans="1:7" x14ac:dyDescent="0.25">
      <c r="A1207" s="10">
        <v>537</v>
      </c>
      <c r="B1207" s="10">
        <v>31.684750000000001</v>
      </c>
      <c r="C1207" s="10">
        <v>30.93075</v>
      </c>
      <c r="D1207" s="10">
        <v>29.90475</v>
      </c>
      <c r="E1207" s="10">
        <v>30.087</v>
      </c>
      <c r="F1207" s="10">
        <v>28.029250000000001</v>
      </c>
      <c r="G1207" s="10">
        <v>27.878</v>
      </c>
    </row>
    <row r="1208" spans="1:7" x14ac:dyDescent="0.25">
      <c r="A1208" s="10">
        <v>537.5</v>
      </c>
      <c r="B1208" s="10">
        <v>31.662749999999999</v>
      </c>
      <c r="C1208" s="10">
        <v>30.905000000000001</v>
      </c>
      <c r="D1208" s="10">
        <v>29.891999999999999</v>
      </c>
      <c r="E1208" s="10">
        <v>30.059249999999999</v>
      </c>
      <c r="F1208" s="10">
        <v>28.026250000000001</v>
      </c>
      <c r="G1208" s="10">
        <v>27.893999999999998</v>
      </c>
    </row>
    <row r="1209" spans="1:7" x14ac:dyDescent="0.25">
      <c r="A1209" s="10">
        <v>538</v>
      </c>
      <c r="B1209" s="10">
        <v>31.659749999999999</v>
      </c>
      <c r="C1209" s="10">
        <v>30.892499999999998</v>
      </c>
      <c r="D1209" s="10">
        <v>29.858499999999999</v>
      </c>
      <c r="E1209" s="10">
        <v>30.074999999999999</v>
      </c>
      <c r="F1209" s="10">
        <v>28.020499999999998</v>
      </c>
      <c r="G1209" s="10">
        <v>27.872499999999999</v>
      </c>
    </row>
    <row r="1210" spans="1:7" x14ac:dyDescent="0.25">
      <c r="A1210" s="10">
        <v>538.5</v>
      </c>
      <c r="B1210" s="10">
        <v>31.642749999999999</v>
      </c>
      <c r="C1210" s="10">
        <v>30.914249999999999</v>
      </c>
      <c r="D1210" s="10">
        <v>29.871500000000001</v>
      </c>
      <c r="E1210" s="10">
        <v>30.038499999999999</v>
      </c>
      <c r="F1210" s="10">
        <v>28.007249999999999</v>
      </c>
      <c r="G1210" s="10">
        <v>27.871500000000001</v>
      </c>
    </row>
    <row r="1211" spans="1:7" x14ac:dyDescent="0.25">
      <c r="A1211" s="10">
        <v>539</v>
      </c>
      <c r="B1211" s="10">
        <v>31.616</v>
      </c>
      <c r="C1211" s="10">
        <v>30.87425</v>
      </c>
      <c r="D1211" s="10">
        <v>29.84525</v>
      </c>
      <c r="E1211" s="10">
        <v>30.022500000000001</v>
      </c>
      <c r="F1211" s="10">
        <v>27.989249999999998</v>
      </c>
      <c r="G1211" s="10">
        <v>27.863</v>
      </c>
    </row>
    <row r="1212" spans="1:7" x14ac:dyDescent="0.25">
      <c r="A1212" s="10">
        <v>539.5</v>
      </c>
      <c r="B1212" s="10">
        <v>31.58175</v>
      </c>
      <c r="C1212" s="10">
        <v>30.87275</v>
      </c>
      <c r="D1212" s="10">
        <v>29.828499999999998</v>
      </c>
      <c r="E1212" s="10">
        <v>30.00825</v>
      </c>
      <c r="F1212" s="10">
        <v>27.989249999999998</v>
      </c>
      <c r="G1212" s="10">
        <v>27.830249999999999</v>
      </c>
    </row>
    <row r="1213" spans="1:7" x14ac:dyDescent="0.25">
      <c r="A1213" s="10">
        <v>540</v>
      </c>
      <c r="B1213" s="10">
        <v>31.597750000000001</v>
      </c>
      <c r="C1213" s="10">
        <v>30.841000000000001</v>
      </c>
      <c r="D1213" s="10">
        <v>29.803750000000001</v>
      </c>
      <c r="E1213" s="10">
        <v>30.0015</v>
      </c>
      <c r="F1213" s="10">
        <v>27.952249999999999</v>
      </c>
      <c r="G1213" s="10">
        <v>27.837499999999999</v>
      </c>
    </row>
    <row r="1214" spans="1:7" x14ac:dyDescent="0.25">
      <c r="A1214" s="10">
        <v>540.5</v>
      </c>
      <c r="B1214" s="10">
        <v>31.553750000000001</v>
      </c>
      <c r="C1214" s="10">
        <v>30.831250000000001</v>
      </c>
      <c r="D1214" s="10">
        <v>29.834250000000001</v>
      </c>
      <c r="E1214" s="10">
        <v>29.99625</v>
      </c>
      <c r="F1214" s="10">
        <v>27.948499999999999</v>
      </c>
      <c r="G1214" s="10">
        <v>27.844249999999999</v>
      </c>
    </row>
    <row r="1215" spans="1:7" x14ac:dyDescent="0.25">
      <c r="A1215" s="10">
        <v>541</v>
      </c>
      <c r="B1215" s="10">
        <v>31.539000000000001</v>
      </c>
      <c r="C1215" s="10">
        <v>30.821999999999999</v>
      </c>
      <c r="D1215" s="10">
        <v>29.7895</v>
      </c>
      <c r="E1215" s="10">
        <v>29.987749999999998</v>
      </c>
      <c r="F1215" s="10">
        <v>27.947500000000002</v>
      </c>
      <c r="G1215" s="10">
        <v>27.831499999999998</v>
      </c>
    </row>
    <row r="1216" spans="1:7" x14ac:dyDescent="0.25">
      <c r="A1216" s="10">
        <v>541.5</v>
      </c>
      <c r="B1216" s="10">
        <v>31.529</v>
      </c>
      <c r="C1216" s="10">
        <v>30.78575</v>
      </c>
      <c r="D1216" s="10">
        <v>29.789750000000002</v>
      </c>
      <c r="E1216" s="10">
        <v>29.965250000000001</v>
      </c>
      <c r="F1216" s="10">
        <v>27.929749999999999</v>
      </c>
      <c r="G1216" s="10">
        <v>27.787500000000001</v>
      </c>
    </row>
    <row r="1217" spans="1:7" x14ac:dyDescent="0.25">
      <c r="A1217" s="10">
        <v>542</v>
      </c>
      <c r="B1217" s="10">
        <v>31.49</v>
      </c>
      <c r="C1217" s="10">
        <v>30.768249999999998</v>
      </c>
      <c r="D1217" s="10">
        <v>29.77075</v>
      </c>
      <c r="E1217" s="10">
        <v>29.974</v>
      </c>
      <c r="F1217" s="10">
        <v>27.894500000000001</v>
      </c>
      <c r="G1217" s="10">
        <v>27.811499999999999</v>
      </c>
    </row>
    <row r="1218" spans="1:7" x14ac:dyDescent="0.25">
      <c r="A1218" s="10">
        <v>542.5</v>
      </c>
      <c r="B1218" s="10">
        <v>31.5015</v>
      </c>
      <c r="C1218" s="10">
        <v>30.752749999999999</v>
      </c>
      <c r="D1218" s="10">
        <v>29.736499999999999</v>
      </c>
      <c r="E1218" s="10">
        <v>29.926500000000001</v>
      </c>
      <c r="F1218" s="10">
        <v>27.9145</v>
      </c>
      <c r="G1218" s="10">
        <v>27.767749999999999</v>
      </c>
    </row>
    <row r="1219" spans="1:7" x14ac:dyDescent="0.25">
      <c r="A1219" s="10">
        <v>543</v>
      </c>
      <c r="B1219" s="10">
        <v>31.454249999999998</v>
      </c>
      <c r="C1219" s="10">
        <v>30.766249999999999</v>
      </c>
      <c r="D1219" s="10">
        <v>29.7285</v>
      </c>
      <c r="E1219" s="10">
        <v>29.925000000000001</v>
      </c>
      <c r="F1219" s="10">
        <v>27.878250000000001</v>
      </c>
      <c r="G1219" s="10">
        <v>27.7745</v>
      </c>
    </row>
    <row r="1220" spans="1:7" x14ac:dyDescent="0.25">
      <c r="A1220" s="10">
        <v>543.5</v>
      </c>
      <c r="B1220" s="10">
        <v>31.458749999999998</v>
      </c>
      <c r="C1220" s="10">
        <v>30.736249999999998</v>
      </c>
      <c r="D1220" s="10">
        <v>29.717749999999999</v>
      </c>
      <c r="E1220" s="10">
        <v>29.928999999999998</v>
      </c>
      <c r="F1220" s="10">
        <v>27.882750000000001</v>
      </c>
      <c r="G1220" s="10">
        <v>27.776499999999999</v>
      </c>
    </row>
    <row r="1221" spans="1:7" x14ac:dyDescent="0.25">
      <c r="A1221" s="10">
        <v>544</v>
      </c>
      <c r="B1221" s="10">
        <v>31.439250000000001</v>
      </c>
      <c r="C1221" s="10">
        <v>30.733250000000002</v>
      </c>
      <c r="D1221" s="10">
        <v>29.704249999999998</v>
      </c>
      <c r="E1221" s="10">
        <v>29.914249999999999</v>
      </c>
      <c r="F1221" s="10">
        <v>27.859500000000001</v>
      </c>
      <c r="G1221" s="10">
        <v>27.767499999999998</v>
      </c>
    </row>
    <row r="1222" spans="1:7" x14ac:dyDescent="0.25">
      <c r="A1222" s="10">
        <v>544.5</v>
      </c>
      <c r="B1222" s="10">
        <v>31.4345</v>
      </c>
      <c r="C1222" s="10">
        <v>30.672249999999998</v>
      </c>
      <c r="D1222" s="10">
        <v>29.695250000000001</v>
      </c>
      <c r="E1222" s="10">
        <v>29.891749999999998</v>
      </c>
      <c r="F1222" s="10">
        <v>27.828250000000001</v>
      </c>
      <c r="G1222" s="10">
        <v>27.760750000000002</v>
      </c>
    </row>
    <row r="1223" spans="1:7" x14ac:dyDescent="0.25">
      <c r="A1223" s="10">
        <v>545</v>
      </c>
      <c r="B1223" s="10">
        <v>31.392749999999999</v>
      </c>
      <c r="C1223" s="10">
        <v>30.689250000000001</v>
      </c>
      <c r="D1223" s="10">
        <v>29.710999999999999</v>
      </c>
      <c r="E1223" s="10">
        <v>29.886500000000002</v>
      </c>
      <c r="F1223" s="10">
        <v>27.824000000000002</v>
      </c>
      <c r="G1223" s="10">
        <v>27.734999999999999</v>
      </c>
    </row>
    <row r="1224" spans="1:7" x14ac:dyDescent="0.25">
      <c r="A1224" s="10">
        <v>545.5</v>
      </c>
      <c r="B1224" s="10">
        <v>31.380500000000001</v>
      </c>
      <c r="C1224" s="10">
        <v>30.68075</v>
      </c>
      <c r="D1224" s="10">
        <v>29.65475</v>
      </c>
      <c r="E1224" s="10">
        <v>29.8645</v>
      </c>
      <c r="F1224" s="10">
        <v>27.829000000000001</v>
      </c>
      <c r="G1224" s="10">
        <v>27.7285</v>
      </c>
    </row>
    <row r="1225" spans="1:7" x14ac:dyDescent="0.25">
      <c r="A1225" s="10">
        <v>546</v>
      </c>
      <c r="B1225" s="10">
        <v>31.369</v>
      </c>
      <c r="C1225" s="10">
        <v>30.65025</v>
      </c>
      <c r="D1225" s="10">
        <v>29.66525</v>
      </c>
      <c r="E1225" s="10">
        <v>29.840250000000001</v>
      </c>
      <c r="F1225" s="10">
        <v>27.824750000000002</v>
      </c>
      <c r="G1225" s="10">
        <v>27.72175</v>
      </c>
    </row>
    <row r="1226" spans="1:7" x14ac:dyDescent="0.25">
      <c r="A1226" s="10">
        <v>546.5</v>
      </c>
      <c r="B1226" s="10">
        <v>31.360749999999999</v>
      </c>
      <c r="C1226" s="10">
        <v>30.641999999999999</v>
      </c>
      <c r="D1226" s="10">
        <v>29.647500000000001</v>
      </c>
      <c r="E1226" s="10">
        <v>29.8565</v>
      </c>
      <c r="F1226" s="10">
        <v>27.764749999999999</v>
      </c>
      <c r="G1226" s="10">
        <v>27.70825</v>
      </c>
    </row>
    <row r="1227" spans="1:7" x14ac:dyDescent="0.25">
      <c r="A1227" s="10">
        <v>547</v>
      </c>
      <c r="B1227" s="10">
        <v>31.329000000000001</v>
      </c>
      <c r="C1227" s="10">
        <v>30.63025</v>
      </c>
      <c r="D1227" s="10">
        <v>29.608000000000001</v>
      </c>
      <c r="E1227" s="10">
        <v>29.800249999999998</v>
      </c>
      <c r="F1227" s="10">
        <v>27.792999999999999</v>
      </c>
      <c r="G1227" s="10">
        <v>27.717500000000001</v>
      </c>
    </row>
    <row r="1228" spans="1:7" x14ac:dyDescent="0.25">
      <c r="A1228" s="10">
        <v>547.5</v>
      </c>
      <c r="B1228" s="10">
        <v>31.34375</v>
      </c>
      <c r="C1228" s="10">
        <v>30.60125</v>
      </c>
      <c r="D1228" s="10">
        <v>29.613499999999998</v>
      </c>
      <c r="E1228" s="10">
        <v>29.791499999999999</v>
      </c>
      <c r="F1228" s="10">
        <v>27.8</v>
      </c>
      <c r="G1228" s="10">
        <v>27.7</v>
      </c>
    </row>
    <row r="1229" spans="1:7" x14ac:dyDescent="0.25">
      <c r="A1229" s="10">
        <v>548</v>
      </c>
      <c r="B1229" s="10">
        <v>31.31625</v>
      </c>
      <c r="C1229" s="10">
        <v>30.5945</v>
      </c>
      <c r="D1229" s="10">
        <v>29.59525</v>
      </c>
      <c r="E1229" s="10">
        <v>29.815750000000001</v>
      </c>
      <c r="F1229" s="10">
        <v>27.782499999999999</v>
      </c>
      <c r="G1229" s="10">
        <v>27.702000000000002</v>
      </c>
    </row>
    <row r="1230" spans="1:7" x14ac:dyDescent="0.25">
      <c r="A1230" s="10">
        <v>548.5</v>
      </c>
      <c r="B1230" s="10">
        <v>31.282499999999999</v>
      </c>
      <c r="C1230" s="10">
        <v>30.593250000000001</v>
      </c>
      <c r="D1230" s="10">
        <v>29.581</v>
      </c>
      <c r="E1230" s="10">
        <v>29.780750000000001</v>
      </c>
      <c r="F1230" s="10">
        <v>27.751999999999999</v>
      </c>
      <c r="G1230" s="10">
        <v>27.673999999999999</v>
      </c>
    </row>
    <row r="1231" spans="1:7" x14ac:dyDescent="0.25">
      <c r="A1231" s="10">
        <v>549</v>
      </c>
      <c r="B1231" s="10">
        <v>31.29025</v>
      </c>
      <c r="C1231" s="10">
        <v>30.582249999999998</v>
      </c>
      <c r="D1231" s="10">
        <v>29.568249999999999</v>
      </c>
      <c r="E1231" s="10">
        <v>29.774999999999999</v>
      </c>
      <c r="F1231" s="10">
        <v>27.763750000000002</v>
      </c>
      <c r="G1231" s="10">
        <v>27.670750000000002</v>
      </c>
    </row>
    <row r="1232" spans="1:7" x14ac:dyDescent="0.25">
      <c r="A1232" s="10">
        <v>549.5</v>
      </c>
      <c r="B1232" s="10">
        <v>31.254999999999999</v>
      </c>
      <c r="C1232" s="10">
        <v>30.563500000000001</v>
      </c>
      <c r="D1232" s="10">
        <v>29.5505</v>
      </c>
      <c r="E1232" s="10">
        <v>29.77975</v>
      </c>
      <c r="F1232" s="10">
        <v>27.735749999999999</v>
      </c>
      <c r="G1232" s="10">
        <v>27.6755</v>
      </c>
    </row>
    <row r="1233" spans="1:7" x14ac:dyDescent="0.25">
      <c r="A1233" s="10">
        <v>550</v>
      </c>
      <c r="B1233" s="10">
        <v>31.225249999999999</v>
      </c>
      <c r="C1233" s="10">
        <v>30.537500000000001</v>
      </c>
      <c r="D1233" s="10">
        <v>29.558499999999999</v>
      </c>
      <c r="E1233" s="10">
        <v>29.72025</v>
      </c>
      <c r="F1233" s="10">
        <v>27.740500000000001</v>
      </c>
      <c r="G1233" s="10">
        <v>27.657</v>
      </c>
    </row>
    <row r="1234" spans="1:7" x14ac:dyDescent="0.25">
      <c r="A1234" s="10">
        <v>550.5</v>
      </c>
      <c r="B1234" s="10">
        <v>31.2225</v>
      </c>
      <c r="C1234" s="10">
        <v>30.513249999999999</v>
      </c>
      <c r="D1234" s="10">
        <v>29.546749999999999</v>
      </c>
      <c r="E1234" s="10">
        <v>29.727250000000002</v>
      </c>
      <c r="F1234" s="10">
        <v>27.72625</v>
      </c>
      <c r="G1234" s="10">
        <v>27.633749999999999</v>
      </c>
    </row>
    <row r="1235" spans="1:7" x14ac:dyDescent="0.25">
      <c r="A1235" s="10">
        <v>551</v>
      </c>
      <c r="B1235" s="10">
        <v>31.182749999999999</v>
      </c>
      <c r="C1235" s="10">
        <v>30.525500000000001</v>
      </c>
      <c r="D1235" s="10">
        <v>29.52375</v>
      </c>
      <c r="E1235" s="10">
        <v>29.707000000000001</v>
      </c>
      <c r="F1235" s="10">
        <v>27.7255</v>
      </c>
      <c r="G1235" s="10">
        <v>27.616499999999998</v>
      </c>
    </row>
    <row r="1236" spans="1:7" x14ac:dyDescent="0.25">
      <c r="A1236" s="10">
        <v>551.5</v>
      </c>
      <c r="B1236" s="10">
        <v>31.171500000000002</v>
      </c>
      <c r="C1236" s="10">
        <v>30.470749999999999</v>
      </c>
      <c r="D1236" s="10">
        <v>29.461500000000001</v>
      </c>
      <c r="E1236" s="10">
        <v>29.7075</v>
      </c>
      <c r="F1236" s="10">
        <v>27.69725</v>
      </c>
      <c r="G1236" s="10">
        <v>27.61825</v>
      </c>
    </row>
    <row r="1237" spans="1:7" x14ac:dyDescent="0.25">
      <c r="A1237" s="10">
        <v>552</v>
      </c>
      <c r="B1237" s="10">
        <v>31.145499999999998</v>
      </c>
      <c r="C1237" s="10">
        <v>30.458500000000001</v>
      </c>
      <c r="D1237" s="10">
        <v>29.495999999999999</v>
      </c>
      <c r="E1237" s="10">
        <v>29.6875</v>
      </c>
      <c r="F1237" s="10">
        <v>27.68825</v>
      </c>
      <c r="G1237" s="10">
        <v>27.640250000000002</v>
      </c>
    </row>
    <row r="1238" spans="1:7" x14ac:dyDescent="0.25">
      <c r="A1238" s="10">
        <v>552.5</v>
      </c>
      <c r="B1238" s="10">
        <v>31.152249999999999</v>
      </c>
      <c r="C1238" s="10">
        <v>30.453499999999998</v>
      </c>
      <c r="D1238" s="10">
        <v>29.4925</v>
      </c>
      <c r="E1238" s="10">
        <v>29.681750000000001</v>
      </c>
      <c r="F1238" s="10">
        <v>27.66375</v>
      </c>
      <c r="G1238" s="10">
        <v>27.6205</v>
      </c>
    </row>
    <row r="1239" spans="1:7" x14ac:dyDescent="0.25">
      <c r="A1239" s="10">
        <v>553</v>
      </c>
      <c r="B1239" s="10">
        <v>31.122499999999999</v>
      </c>
      <c r="C1239" s="10">
        <v>30.414999999999999</v>
      </c>
      <c r="D1239" s="10">
        <v>29.451250000000002</v>
      </c>
      <c r="E1239" s="10">
        <v>29.678000000000001</v>
      </c>
      <c r="F1239" s="10">
        <v>27.660499999999999</v>
      </c>
      <c r="G1239" s="10">
        <v>27.579000000000001</v>
      </c>
    </row>
    <row r="1240" spans="1:7" x14ac:dyDescent="0.25">
      <c r="A1240" s="10">
        <v>553.5</v>
      </c>
      <c r="B1240" s="10">
        <v>31.094750000000001</v>
      </c>
      <c r="C1240" s="10">
        <v>30.404250000000001</v>
      </c>
      <c r="D1240" s="10">
        <v>29.440750000000001</v>
      </c>
      <c r="E1240" s="10">
        <v>29.692250000000001</v>
      </c>
      <c r="F1240" s="10">
        <v>27.651</v>
      </c>
      <c r="G1240" s="10">
        <v>27.563500000000001</v>
      </c>
    </row>
    <row r="1241" spans="1:7" x14ac:dyDescent="0.25">
      <c r="A1241" s="10">
        <v>554</v>
      </c>
      <c r="B1241" s="10">
        <v>31.101749999999999</v>
      </c>
      <c r="C1241" s="10">
        <v>30.398</v>
      </c>
      <c r="D1241" s="10">
        <v>29.417000000000002</v>
      </c>
      <c r="E1241" s="10">
        <v>29.663</v>
      </c>
      <c r="F1241" s="10">
        <v>27.634499999999999</v>
      </c>
      <c r="G1241" s="10">
        <v>27.582999999999998</v>
      </c>
    </row>
    <row r="1242" spans="1:7" x14ac:dyDescent="0.25">
      <c r="A1242" s="10">
        <v>554.5</v>
      </c>
      <c r="B1242" s="10">
        <v>31.099</v>
      </c>
      <c r="C1242" s="10">
        <v>30.380500000000001</v>
      </c>
      <c r="D1242" s="10">
        <v>29.41075</v>
      </c>
      <c r="E1242" s="10">
        <v>29.65</v>
      </c>
      <c r="F1242" s="10">
        <v>27.63175</v>
      </c>
      <c r="G1242" s="10">
        <v>27.547499999999999</v>
      </c>
    </row>
    <row r="1243" spans="1:7" x14ac:dyDescent="0.25">
      <c r="A1243" s="10">
        <v>555</v>
      </c>
      <c r="B1243" s="10">
        <v>31.06325</v>
      </c>
      <c r="C1243" s="10">
        <v>30.370999999999999</v>
      </c>
      <c r="D1243" s="10">
        <v>29.396750000000001</v>
      </c>
      <c r="E1243" s="10">
        <v>29.652249999999999</v>
      </c>
      <c r="F1243" s="10">
        <v>27.600999999999999</v>
      </c>
      <c r="G1243" s="10">
        <v>27.548249999999999</v>
      </c>
    </row>
    <row r="1244" spans="1:7" x14ac:dyDescent="0.25">
      <c r="A1244" s="10">
        <v>555.5</v>
      </c>
      <c r="B1244" s="10">
        <v>31.06025</v>
      </c>
      <c r="C1244" s="10">
        <v>30.362749999999998</v>
      </c>
      <c r="D1244" s="10">
        <v>29.391749999999998</v>
      </c>
      <c r="E1244" s="10">
        <v>29.577999999999999</v>
      </c>
      <c r="F1244" s="10">
        <v>27.601749999999999</v>
      </c>
      <c r="G1244" s="10">
        <v>27.564499999999999</v>
      </c>
    </row>
    <row r="1245" spans="1:7" x14ac:dyDescent="0.25">
      <c r="A1245" s="10">
        <v>556</v>
      </c>
      <c r="B1245" s="10">
        <v>31.0305</v>
      </c>
      <c r="C1245" s="10">
        <v>30.367750000000001</v>
      </c>
      <c r="D1245" s="10">
        <v>29.386500000000002</v>
      </c>
      <c r="E1245" s="10">
        <v>29.609500000000001</v>
      </c>
      <c r="F1245" s="10">
        <v>27.601500000000001</v>
      </c>
      <c r="G1245" s="10">
        <v>27.546500000000002</v>
      </c>
    </row>
    <row r="1246" spans="1:7" x14ac:dyDescent="0.25">
      <c r="A1246" s="10">
        <v>556.5</v>
      </c>
      <c r="B1246" s="10">
        <v>31.009499999999999</v>
      </c>
      <c r="C1246" s="10">
        <v>30.331250000000001</v>
      </c>
      <c r="D1246" s="10">
        <v>29.367999999999999</v>
      </c>
      <c r="E1246" s="10">
        <v>29.592500000000001</v>
      </c>
      <c r="F1246" s="10">
        <v>27.574000000000002</v>
      </c>
      <c r="G1246" s="10">
        <v>27.53725</v>
      </c>
    </row>
    <row r="1247" spans="1:7" x14ac:dyDescent="0.25">
      <c r="A1247" s="10">
        <v>557</v>
      </c>
      <c r="B1247" s="10">
        <v>30.999749999999999</v>
      </c>
      <c r="C1247" s="10">
        <v>30.324000000000002</v>
      </c>
      <c r="D1247" s="10">
        <v>29.3215</v>
      </c>
      <c r="E1247" s="10">
        <v>29.60125</v>
      </c>
      <c r="F1247" s="10">
        <v>27.565000000000001</v>
      </c>
      <c r="G1247" s="10">
        <v>27.515999999999998</v>
      </c>
    </row>
    <row r="1248" spans="1:7" x14ac:dyDescent="0.25">
      <c r="A1248" s="10">
        <v>557.5</v>
      </c>
      <c r="B1248" s="10">
        <v>30.998999999999999</v>
      </c>
      <c r="C1248" s="10">
        <v>30.309750000000001</v>
      </c>
      <c r="D1248" s="10">
        <v>29.327249999999999</v>
      </c>
      <c r="E1248" s="10">
        <v>29.55725</v>
      </c>
      <c r="F1248" s="10">
        <v>27.561499999999999</v>
      </c>
      <c r="G1248" s="10">
        <v>27.515000000000001</v>
      </c>
    </row>
    <row r="1249" spans="1:7" x14ac:dyDescent="0.25">
      <c r="A1249" s="10">
        <v>558</v>
      </c>
      <c r="B1249" s="10">
        <v>30.980499999999999</v>
      </c>
      <c r="C1249" s="10">
        <v>30.285499999999999</v>
      </c>
      <c r="D1249" s="10">
        <v>29.309750000000001</v>
      </c>
      <c r="E1249" s="10">
        <v>29.544250000000002</v>
      </c>
      <c r="F1249" s="10">
        <v>27.571999999999999</v>
      </c>
      <c r="G1249" s="10">
        <v>27.5045</v>
      </c>
    </row>
    <row r="1250" spans="1:7" x14ac:dyDescent="0.25">
      <c r="A1250" s="10">
        <v>558.5</v>
      </c>
      <c r="B1250" s="10">
        <v>30.94725</v>
      </c>
      <c r="C1250" s="10">
        <v>30.28575</v>
      </c>
      <c r="D1250" s="10">
        <v>29.2865</v>
      </c>
      <c r="E1250" s="10">
        <v>29.538499999999999</v>
      </c>
      <c r="F1250" s="10">
        <v>27.547499999999999</v>
      </c>
      <c r="G1250" s="10">
        <v>27.497</v>
      </c>
    </row>
    <row r="1251" spans="1:7" x14ac:dyDescent="0.25">
      <c r="A1251" s="10">
        <v>559</v>
      </c>
      <c r="B1251" s="10">
        <v>30.9345</v>
      </c>
      <c r="C1251" s="10">
        <v>30.260750000000002</v>
      </c>
      <c r="D1251" s="10">
        <v>29.279250000000001</v>
      </c>
      <c r="E1251" s="10">
        <v>29.509</v>
      </c>
      <c r="F1251" s="10">
        <v>27.540500000000002</v>
      </c>
      <c r="G1251" s="10">
        <v>27.497499999999999</v>
      </c>
    </row>
    <row r="1252" spans="1:7" x14ac:dyDescent="0.25">
      <c r="A1252" s="10">
        <v>559.5</v>
      </c>
      <c r="B1252" s="10">
        <v>30.925000000000001</v>
      </c>
      <c r="C1252" s="10">
        <v>30.259</v>
      </c>
      <c r="D1252" s="10">
        <v>29.279499999999999</v>
      </c>
      <c r="E1252" s="10">
        <v>29.51</v>
      </c>
      <c r="F1252" s="10">
        <v>27.522749999999998</v>
      </c>
      <c r="G1252" s="10">
        <v>27.446000000000002</v>
      </c>
    </row>
    <row r="1253" spans="1:7" x14ac:dyDescent="0.25">
      <c r="A1253" s="10">
        <v>560</v>
      </c>
      <c r="B1253" s="10">
        <v>30.900749999999999</v>
      </c>
      <c r="C1253" s="10">
        <v>30.231750000000002</v>
      </c>
      <c r="D1253" s="10">
        <v>29.24325</v>
      </c>
      <c r="E1253" s="10">
        <v>29.505500000000001</v>
      </c>
      <c r="F1253" s="10">
        <v>27.502500000000001</v>
      </c>
      <c r="G1253" s="10">
        <v>27.46725</v>
      </c>
    </row>
    <row r="1254" spans="1:7" x14ac:dyDescent="0.25">
      <c r="A1254" s="10">
        <v>560.5</v>
      </c>
      <c r="B1254" s="10">
        <v>30.899249999999999</v>
      </c>
      <c r="C1254" s="10">
        <v>30.238250000000001</v>
      </c>
      <c r="D1254" s="10">
        <v>29.232749999999999</v>
      </c>
      <c r="E1254" s="10">
        <v>29.489750000000001</v>
      </c>
      <c r="F1254" s="10">
        <v>27.5045</v>
      </c>
      <c r="G1254" s="10">
        <v>27.473749999999999</v>
      </c>
    </row>
    <row r="1255" spans="1:7" x14ac:dyDescent="0.25">
      <c r="A1255" s="10">
        <v>561</v>
      </c>
      <c r="B1255" s="10">
        <v>30.882750000000001</v>
      </c>
      <c r="C1255" s="10">
        <v>30.1995</v>
      </c>
      <c r="D1255" s="10">
        <v>29.234000000000002</v>
      </c>
      <c r="E1255" s="10">
        <v>29.472000000000001</v>
      </c>
      <c r="F1255" s="10">
        <v>27.501999999999999</v>
      </c>
      <c r="G1255" s="10">
        <v>27.46725</v>
      </c>
    </row>
    <row r="1256" spans="1:7" x14ac:dyDescent="0.25">
      <c r="A1256" s="10">
        <v>561.5</v>
      </c>
      <c r="B1256" s="10">
        <v>30.84225</v>
      </c>
      <c r="C1256" s="10">
        <v>30.193249999999999</v>
      </c>
      <c r="D1256" s="10">
        <v>29.234249999999999</v>
      </c>
      <c r="E1256" s="10">
        <v>29.439499999999999</v>
      </c>
      <c r="F1256" s="10">
        <v>27.46275</v>
      </c>
      <c r="G1256" s="10">
        <v>27.432749999999999</v>
      </c>
    </row>
    <row r="1257" spans="1:7" x14ac:dyDescent="0.25">
      <c r="A1257" s="10">
        <v>562</v>
      </c>
      <c r="B1257" s="10">
        <v>30.839749999999999</v>
      </c>
      <c r="C1257" s="10">
        <v>30.202500000000001</v>
      </c>
      <c r="D1257" s="10">
        <v>29.218499999999999</v>
      </c>
      <c r="E1257" s="10">
        <v>29.456499999999998</v>
      </c>
      <c r="F1257" s="10">
        <v>27.465499999999999</v>
      </c>
      <c r="G1257" s="10">
        <v>27.422249999999998</v>
      </c>
    </row>
    <row r="1258" spans="1:7" x14ac:dyDescent="0.25">
      <c r="A1258" s="10">
        <v>562.5</v>
      </c>
      <c r="B1258" s="10">
        <v>30.813500000000001</v>
      </c>
      <c r="C1258" s="10">
        <v>30.1785</v>
      </c>
      <c r="D1258" s="10">
        <v>29.1905</v>
      </c>
      <c r="E1258" s="10">
        <v>29.443249999999999</v>
      </c>
      <c r="F1258" s="10">
        <v>27.481999999999999</v>
      </c>
      <c r="G1258" s="10">
        <v>27.448250000000002</v>
      </c>
    </row>
    <row r="1259" spans="1:7" x14ac:dyDescent="0.25">
      <c r="A1259" s="10">
        <v>563</v>
      </c>
      <c r="B1259" s="10">
        <v>30.803750000000001</v>
      </c>
      <c r="C1259" s="10">
        <v>30.175249999999998</v>
      </c>
      <c r="D1259" s="10">
        <v>29.176749999999998</v>
      </c>
      <c r="E1259" s="10">
        <v>29.4345</v>
      </c>
      <c r="F1259" s="10">
        <v>27.432500000000001</v>
      </c>
      <c r="G1259" s="10">
        <v>27.4115</v>
      </c>
    </row>
    <row r="1260" spans="1:7" x14ac:dyDescent="0.25">
      <c r="A1260" s="10">
        <v>563.5</v>
      </c>
      <c r="B1260" s="10">
        <v>30.774000000000001</v>
      </c>
      <c r="C1260" s="10">
        <v>30.108750000000001</v>
      </c>
      <c r="D1260" s="10">
        <v>29.1675</v>
      </c>
      <c r="E1260" s="10">
        <v>29.3935</v>
      </c>
      <c r="F1260" s="10">
        <v>27.431000000000001</v>
      </c>
      <c r="G1260" s="10">
        <v>27.399750000000001</v>
      </c>
    </row>
    <row r="1261" spans="1:7" x14ac:dyDescent="0.25">
      <c r="A1261" s="10">
        <v>564</v>
      </c>
      <c r="B1261" s="10">
        <v>30.77675</v>
      </c>
      <c r="C1261" s="10">
        <v>30.119499999999999</v>
      </c>
      <c r="D1261" s="10">
        <v>29.152999999999999</v>
      </c>
      <c r="E1261" s="10">
        <v>29.409749999999999</v>
      </c>
      <c r="F1261" s="10">
        <v>27.432500000000001</v>
      </c>
      <c r="G1261" s="10">
        <v>27.402249999999999</v>
      </c>
    </row>
    <row r="1262" spans="1:7" x14ac:dyDescent="0.25">
      <c r="A1262" s="10">
        <v>564.5</v>
      </c>
      <c r="B1262" s="10">
        <v>30.765499999999999</v>
      </c>
      <c r="C1262" s="10">
        <v>30.082999999999998</v>
      </c>
      <c r="D1262" s="10">
        <v>29.122</v>
      </c>
      <c r="E1262" s="10">
        <v>29.384250000000002</v>
      </c>
      <c r="F1262" s="10">
        <v>27.393999999999998</v>
      </c>
      <c r="G1262" s="10">
        <v>27.370750000000001</v>
      </c>
    </row>
    <row r="1263" spans="1:7" x14ac:dyDescent="0.25">
      <c r="A1263" s="10">
        <v>565</v>
      </c>
      <c r="B1263" s="10">
        <v>30.733750000000001</v>
      </c>
      <c r="C1263" s="10">
        <v>30.06</v>
      </c>
      <c r="D1263" s="10">
        <v>29.11525</v>
      </c>
      <c r="E1263" s="10">
        <v>29.371749999999999</v>
      </c>
      <c r="F1263" s="10">
        <v>27.402249999999999</v>
      </c>
      <c r="G1263" s="10">
        <v>27.409500000000001</v>
      </c>
    </row>
    <row r="1264" spans="1:7" x14ac:dyDescent="0.25">
      <c r="A1264" s="10">
        <v>565.5</v>
      </c>
      <c r="B1264" s="10">
        <v>30.726749999999999</v>
      </c>
      <c r="C1264" s="10">
        <v>30.075500000000002</v>
      </c>
      <c r="D1264" s="10">
        <v>29.126750000000001</v>
      </c>
      <c r="E1264" s="10">
        <v>29.367000000000001</v>
      </c>
      <c r="F1264" s="10">
        <v>27.38475</v>
      </c>
      <c r="G1264" s="10">
        <v>27.36675</v>
      </c>
    </row>
    <row r="1265" spans="1:7" x14ac:dyDescent="0.25">
      <c r="A1265" s="10">
        <v>566</v>
      </c>
      <c r="B1265" s="10">
        <v>30.712</v>
      </c>
      <c r="C1265" s="10">
        <v>30.048249999999999</v>
      </c>
      <c r="D1265" s="10">
        <v>29.107500000000002</v>
      </c>
      <c r="E1265" s="10">
        <v>29.33625</v>
      </c>
      <c r="F1265" s="10">
        <v>27.385999999999999</v>
      </c>
      <c r="G1265" s="10">
        <v>27.371749999999999</v>
      </c>
    </row>
    <row r="1266" spans="1:7" x14ac:dyDescent="0.25">
      <c r="A1266" s="10">
        <v>566.5</v>
      </c>
      <c r="B1266" s="10">
        <v>30.71425</v>
      </c>
      <c r="C1266" s="10">
        <v>30.048249999999999</v>
      </c>
      <c r="D1266" s="10">
        <v>29.07525</v>
      </c>
      <c r="E1266" s="10">
        <v>29.34525</v>
      </c>
      <c r="F1266" s="10">
        <v>27.358250000000002</v>
      </c>
      <c r="G1266" s="10">
        <v>27.329000000000001</v>
      </c>
    </row>
    <row r="1267" spans="1:7" x14ac:dyDescent="0.25">
      <c r="A1267" s="10">
        <v>567</v>
      </c>
      <c r="B1267" s="10">
        <v>30.667249999999999</v>
      </c>
      <c r="C1267" s="10">
        <v>30.008500000000002</v>
      </c>
      <c r="D1267" s="10">
        <v>29.069749999999999</v>
      </c>
      <c r="E1267" s="10">
        <v>29.33325</v>
      </c>
      <c r="F1267" s="10">
        <v>27.365500000000001</v>
      </c>
      <c r="G1267" s="10">
        <v>27.33475</v>
      </c>
    </row>
    <row r="1268" spans="1:7" x14ac:dyDescent="0.25">
      <c r="A1268" s="10">
        <v>567.5</v>
      </c>
      <c r="B1268" s="10">
        <v>30.651499999999999</v>
      </c>
      <c r="C1268" s="10">
        <v>29.991</v>
      </c>
      <c r="D1268" s="10">
        <v>29.063500000000001</v>
      </c>
      <c r="E1268" s="10">
        <v>29.291</v>
      </c>
      <c r="F1268" s="10">
        <v>27.361249999999998</v>
      </c>
      <c r="G1268" s="10">
        <v>27.344000000000001</v>
      </c>
    </row>
    <row r="1269" spans="1:7" x14ac:dyDescent="0.25">
      <c r="A1269" s="10">
        <v>568</v>
      </c>
      <c r="B1269" s="10">
        <v>30.663499999999999</v>
      </c>
      <c r="C1269" s="10">
        <v>29.9985</v>
      </c>
      <c r="D1269" s="10">
        <v>29.03125</v>
      </c>
      <c r="E1269" s="10">
        <v>29.31</v>
      </c>
      <c r="F1269" s="10">
        <v>27.33925</v>
      </c>
      <c r="G1269" s="10">
        <v>27.32</v>
      </c>
    </row>
    <row r="1270" spans="1:7" x14ac:dyDescent="0.25">
      <c r="A1270" s="10">
        <v>568.5</v>
      </c>
      <c r="B1270" s="10">
        <v>30.635249999999999</v>
      </c>
      <c r="C1270" s="10">
        <v>29.982500000000002</v>
      </c>
      <c r="D1270" s="10">
        <v>29.018249999999998</v>
      </c>
      <c r="E1270" s="10">
        <v>29.295000000000002</v>
      </c>
      <c r="F1270" s="10">
        <v>27.325500000000002</v>
      </c>
      <c r="G1270" s="10">
        <v>27.302</v>
      </c>
    </row>
    <row r="1271" spans="1:7" x14ac:dyDescent="0.25">
      <c r="A1271" s="10">
        <v>569</v>
      </c>
      <c r="B1271" s="10">
        <v>30.596250000000001</v>
      </c>
      <c r="C1271" s="10">
        <v>29.984999999999999</v>
      </c>
      <c r="D1271" s="10">
        <v>29.040500000000002</v>
      </c>
      <c r="E1271" s="10">
        <v>29.285250000000001</v>
      </c>
      <c r="F1271" s="10">
        <v>27.337499999999999</v>
      </c>
      <c r="G1271" s="10">
        <v>27.318999999999999</v>
      </c>
    </row>
    <row r="1272" spans="1:7" x14ac:dyDescent="0.25">
      <c r="A1272" s="10">
        <v>569.5</v>
      </c>
      <c r="B1272" s="10">
        <v>30.62275</v>
      </c>
      <c r="C1272" s="10">
        <v>29.9375</v>
      </c>
      <c r="D1272" s="10">
        <v>29.019749999999998</v>
      </c>
      <c r="E1272" s="10">
        <v>29.2775</v>
      </c>
      <c r="F1272" s="10">
        <v>27.31925</v>
      </c>
      <c r="G1272" s="10">
        <v>27.3065</v>
      </c>
    </row>
    <row r="1273" spans="1:7" x14ac:dyDescent="0.25">
      <c r="A1273" s="10">
        <v>570</v>
      </c>
      <c r="B1273" s="10">
        <v>30.55875</v>
      </c>
      <c r="C1273" s="10">
        <v>29.968</v>
      </c>
      <c r="D1273" s="10">
        <v>28.992249999999999</v>
      </c>
      <c r="E1273" s="10">
        <v>29.253250000000001</v>
      </c>
      <c r="F1273" s="10">
        <v>27.297499999999999</v>
      </c>
      <c r="G1273" s="10">
        <v>27.300249999999998</v>
      </c>
    </row>
    <row r="1274" spans="1:7" x14ac:dyDescent="0.25">
      <c r="A1274" s="10">
        <v>570.5</v>
      </c>
      <c r="B1274" s="10">
        <v>30.58</v>
      </c>
      <c r="C1274" s="10">
        <v>29.9175</v>
      </c>
      <c r="D1274" s="10">
        <v>28.979749999999999</v>
      </c>
      <c r="E1274" s="10">
        <v>29.245000000000001</v>
      </c>
      <c r="F1274" s="10">
        <v>27.2605</v>
      </c>
      <c r="G1274" s="10">
        <v>27.288</v>
      </c>
    </row>
    <row r="1275" spans="1:7" x14ac:dyDescent="0.25">
      <c r="A1275" s="10">
        <v>571</v>
      </c>
      <c r="B1275" s="10">
        <v>30.537500000000001</v>
      </c>
      <c r="C1275" s="10">
        <v>29.910499999999999</v>
      </c>
      <c r="D1275" s="10">
        <v>28.965</v>
      </c>
      <c r="E1275" s="10">
        <v>29.245000000000001</v>
      </c>
      <c r="F1275" s="10">
        <v>27.280249999999999</v>
      </c>
      <c r="G1275" s="10">
        <v>27.278749999999999</v>
      </c>
    </row>
    <row r="1276" spans="1:7" x14ac:dyDescent="0.25">
      <c r="A1276" s="10">
        <v>571.5</v>
      </c>
      <c r="B1276" s="10">
        <v>30.517499999999998</v>
      </c>
      <c r="C1276" s="10">
        <v>29.908000000000001</v>
      </c>
      <c r="D1276" s="10">
        <v>28.946750000000002</v>
      </c>
      <c r="E1276" s="10">
        <v>29.19125</v>
      </c>
      <c r="F1276" s="10">
        <v>27.265999999999998</v>
      </c>
      <c r="G1276" s="10">
        <v>27.302499999999998</v>
      </c>
    </row>
    <row r="1277" spans="1:7" x14ac:dyDescent="0.25">
      <c r="A1277" s="10">
        <v>572</v>
      </c>
      <c r="B1277" s="10">
        <v>30.517499999999998</v>
      </c>
      <c r="C1277" s="10">
        <v>29.876000000000001</v>
      </c>
      <c r="D1277" s="10">
        <v>28.939</v>
      </c>
      <c r="E1277" s="10">
        <v>29.21</v>
      </c>
      <c r="F1277" s="10">
        <v>27.25225</v>
      </c>
      <c r="G1277" s="10">
        <v>27.276250000000001</v>
      </c>
    </row>
    <row r="1278" spans="1:7" x14ac:dyDescent="0.25">
      <c r="A1278" s="10">
        <v>572.5</v>
      </c>
      <c r="B1278" s="10">
        <v>30.501249999999999</v>
      </c>
      <c r="C1278" s="10">
        <v>29.8855</v>
      </c>
      <c r="D1278" s="10">
        <v>28.93075</v>
      </c>
      <c r="E1278" s="10">
        <v>29.210999999999999</v>
      </c>
      <c r="F1278" s="10">
        <v>27.232500000000002</v>
      </c>
      <c r="G1278" s="10">
        <v>27.262250000000002</v>
      </c>
    </row>
    <row r="1279" spans="1:7" x14ac:dyDescent="0.25">
      <c r="A1279" s="10">
        <v>573</v>
      </c>
      <c r="B1279" s="10">
        <v>30.477250000000002</v>
      </c>
      <c r="C1279" s="10">
        <v>29.85125</v>
      </c>
      <c r="D1279" s="10">
        <v>28.920999999999999</v>
      </c>
      <c r="E1279" s="10">
        <v>29.171749999999999</v>
      </c>
      <c r="F1279" s="10">
        <v>27.2395</v>
      </c>
      <c r="G1279" s="10">
        <v>27.262250000000002</v>
      </c>
    </row>
    <row r="1280" spans="1:7" x14ac:dyDescent="0.25">
      <c r="A1280" s="10">
        <v>573.5</v>
      </c>
      <c r="B1280" s="10">
        <v>30.465250000000001</v>
      </c>
      <c r="C1280" s="10">
        <v>29.843499999999999</v>
      </c>
      <c r="D1280" s="10">
        <v>28.91675</v>
      </c>
      <c r="E1280" s="10">
        <v>29.187249999999999</v>
      </c>
      <c r="F1280" s="10">
        <v>27.214749999999999</v>
      </c>
      <c r="G1280" s="10">
        <v>27.229500000000002</v>
      </c>
    </row>
    <row r="1281" spans="1:7" x14ac:dyDescent="0.25">
      <c r="A1281" s="10">
        <v>574</v>
      </c>
      <c r="B1281" s="10">
        <v>30.468499999999999</v>
      </c>
      <c r="C1281" s="10">
        <v>29.829249999999998</v>
      </c>
      <c r="D1281" s="10">
        <v>28.890999999999998</v>
      </c>
      <c r="E1281" s="10">
        <v>29.185500000000001</v>
      </c>
      <c r="F1281" s="10">
        <v>27.211749999999999</v>
      </c>
      <c r="G1281" s="10">
        <v>27.263000000000002</v>
      </c>
    </row>
    <row r="1282" spans="1:7" x14ac:dyDescent="0.25">
      <c r="A1282" s="10">
        <v>574.5</v>
      </c>
      <c r="B1282" s="10">
        <v>30.431999999999999</v>
      </c>
      <c r="C1282" s="10">
        <v>29.803000000000001</v>
      </c>
      <c r="D1282" s="10">
        <v>28.886749999999999</v>
      </c>
      <c r="E1282" s="10">
        <v>29.155249999999999</v>
      </c>
      <c r="F1282" s="10">
        <v>27.173249999999999</v>
      </c>
      <c r="G1282" s="10">
        <v>27.208749999999998</v>
      </c>
    </row>
    <row r="1283" spans="1:7" x14ac:dyDescent="0.25">
      <c r="A1283" s="10">
        <v>575</v>
      </c>
      <c r="B1283" s="10">
        <v>30.430250000000001</v>
      </c>
      <c r="C1283" s="10">
        <v>29.827999999999999</v>
      </c>
      <c r="D1283" s="10">
        <v>28.855250000000002</v>
      </c>
      <c r="E1283" s="10">
        <v>29.1295</v>
      </c>
      <c r="F1283" s="10">
        <v>27.186499999999999</v>
      </c>
      <c r="G1283" s="10">
        <v>27.214749999999999</v>
      </c>
    </row>
    <row r="1284" spans="1:7" x14ac:dyDescent="0.25">
      <c r="A1284" s="10">
        <v>575.5</v>
      </c>
      <c r="B1284" s="10">
        <v>30.416</v>
      </c>
      <c r="C1284" s="10">
        <v>29.802499999999998</v>
      </c>
      <c r="D1284" s="10">
        <v>28.84525</v>
      </c>
      <c r="E1284" s="10">
        <v>29.131</v>
      </c>
      <c r="F1284" s="10">
        <v>27.181249999999999</v>
      </c>
      <c r="G1284" s="10">
        <v>27.176749999999998</v>
      </c>
    </row>
    <row r="1285" spans="1:7" x14ac:dyDescent="0.25">
      <c r="A1285" s="10">
        <v>576</v>
      </c>
      <c r="B1285" s="10">
        <v>30.38475</v>
      </c>
      <c r="C1285" s="10">
        <v>29.7745</v>
      </c>
      <c r="D1285" s="10">
        <v>28.812249999999999</v>
      </c>
      <c r="E1285" s="10">
        <v>29.13775</v>
      </c>
      <c r="F1285" s="10">
        <v>27.183499999999999</v>
      </c>
      <c r="G1285" s="10">
        <v>27.19575</v>
      </c>
    </row>
    <row r="1286" spans="1:7" x14ac:dyDescent="0.25">
      <c r="A1286" s="10">
        <v>576.5</v>
      </c>
      <c r="B1286" s="10">
        <v>30.39</v>
      </c>
      <c r="C1286" s="10">
        <v>29.752500000000001</v>
      </c>
      <c r="D1286" s="10">
        <v>28.80425</v>
      </c>
      <c r="E1286" s="10">
        <v>29.093250000000001</v>
      </c>
      <c r="F1286" s="10">
        <v>27.168749999999999</v>
      </c>
      <c r="G1286" s="10">
        <v>27.178999999999998</v>
      </c>
    </row>
    <row r="1287" spans="1:7" x14ac:dyDescent="0.25">
      <c r="A1287" s="10">
        <v>577</v>
      </c>
      <c r="B1287" s="10">
        <v>30.362749999999998</v>
      </c>
      <c r="C1287" s="10">
        <v>29.7315</v>
      </c>
      <c r="D1287" s="10">
        <v>28.81925</v>
      </c>
      <c r="E1287" s="10">
        <v>29.08325</v>
      </c>
      <c r="F1287" s="10">
        <v>27.120249999999999</v>
      </c>
      <c r="G1287" s="10">
        <v>27.185749999999999</v>
      </c>
    </row>
    <row r="1288" spans="1:7" x14ac:dyDescent="0.25">
      <c r="A1288" s="10">
        <v>577.5</v>
      </c>
      <c r="B1288" s="10">
        <v>30.378499999999999</v>
      </c>
      <c r="C1288" s="10">
        <v>29.721499999999999</v>
      </c>
      <c r="D1288" s="10">
        <v>28.774249999999999</v>
      </c>
      <c r="E1288" s="10">
        <v>29.074999999999999</v>
      </c>
      <c r="F1288" s="10">
        <v>27.145499999999998</v>
      </c>
      <c r="G1288" s="10">
        <v>27.16225</v>
      </c>
    </row>
    <row r="1289" spans="1:7" x14ac:dyDescent="0.25">
      <c r="A1289" s="10">
        <v>578</v>
      </c>
      <c r="B1289" s="10">
        <v>30.34</v>
      </c>
      <c r="C1289" s="10">
        <v>29.702750000000002</v>
      </c>
      <c r="D1289" s="10">
        <v>28.78875</v>
      </c>
      <c r="E1289" s="10">
        <v>29.084250000000001</v>
      </c>
      <c r="F1289" s="10">
        <v>27.13625</v>
      </c>
      <c r="G1289" s="10">
        <v>27.154499999999999</v>
      </c>
    </row>
    <row r="1290" spans="1:7" x14ac:dyDescent="0.25">
      <c r="A1290" s="10">
        <v>578.5</v>
      </c>
      <c r="B1290" s="10">
        <v>30.305250000000001</v>
      </c>
      <c r="C1290" s="10">
        <v>29.707249999999998</v>
      </c>
      <c r="D1290" s="10">
        <v>28.768999999999998</v>
      </c>
      <c r="E1290" s="10">
        <v>29.060749999999999</v>
      </c>
      <c r="F1290" s="10">
        <v>27.10275</v>
      </c>
      <c r="G1290" s="10">
        <v>27.160499999999999</v>
      </c>
    </row>
    <row r="1291" spans="1:7" x14ac:dyDescent="0.25">
      <c r="A1291" s="10">
        <v>579</v>
      </c>
      <c r="B1291" s="10">
        <v>30.322500000000002</v>
      </c>
      <c r="C1291" s="10">
        <v>29.665500000000002</v>
      </c>
      <c r="D1291" s="10">
        <v>28.751000000000001</v>
      </c>
      <c r="E1291" s="10">
        <v>29.05125</v>
      </c>
      <c r="F1291" s="10">
        <v>27.09375</v>
      </c>
      <c r="G1291" s="10">
        <v>27.14</v>
      </c>
    </row>
    <row r="1292" spans="1:7" x14ac:dyDescent="0.25">
      <c r="A1292" s="10">
        <v>579.5</v>
      </c>
      <c r="B1292" s="10">
        <v>30.264250000000001</v>
      </c>
      <c r="C1292" s="10">
        <v>29.675999999999998</v>
      </c>
      <c r="D1292" s="10">
        <v>28.742000000000001</v>
      </c>
      <c r="E1292" s="10">
        <v>29.038499999999999</v>
      </c>
      <c r="F1292" s="10">
        <v>27.09825</v>
      </c>
      <c r="G1292" s="10">
        <v>27.15325</v>
      </c>
    </row>
    <row r="1293" spans="1:7" x14ac:dyDescent="0.25">
      <c r="A1293" s="10">
        <v>580</v>
      </c>
      <c r="B1293" s="10">
        <v>30.275749999999999</v>
      </c>
      <c r="C1293" s="10">
        <v>29.646249999999998</v>
      </c>
      <c r="D1293" s="10">
        <v>28.740749999999998</v>
      </c>
      <c r="E1293" s="10">
        <v>29.005500000000001</v>
      </c>
      <c r="F1293" s="10">
        <v>27.06325</v>
      </c>
      <c r="G1293" s="10">
        <v>27.137</v>
      </c>
    </row>
    <row r="1294" spans="1:7" x14ac:dyDescent="0.25">
      <c r="A1294" s="10">
        <v>580.5</v>
      </c>
      <c r="B1294" s="10">
        <v>30.251249999999999</v>
      </c>
      <c r="C1294" s="10">
        <v>29.662749999999999</v>
      </c>
      <c r="D1294" s="10">
        <v>28.71875</v>
      </c>
      <c r="E1294" s="10">
        <v>29.0045</v>
      </c>
      <c r="F1294" s="10">
        <v>27.079750000000001</v>
      </c>
      <c r="G1294" s="10">
        <v>27.125499999999999</v>
      </c>
    </row>
    <row r="1295" spans="1:7" x14ac:dyDescent="0.25">
      <c r="A1295" s="10">
        <v>581</v>
      </c>
      <c r="B1295" s="10">
        <v>30.233250000000002</v>
      </c>
      <c r="C1295" s="10">
        <v>29.64875</v>
      </c>
      <c r="D1295" s="10">
        <v>28.692</v>
      </c>
      <c r="E1295" s="10">
        <v>28.994499999999999</v>
      </c>
      <c r="F1295" s="10">
        <v>27.07</v>
      </c>
      <c r="G1295" s="10">
        <v>27.107500000000002</v>
      </c>
    </row>
    <row r="1296" spans="1:7" x14ac:dyDescent="0.25">
      <c r="A1296" s="10">
        <v>581.5</v>
      </c>
      <c r="B1296" s="10">
        <v>30.216999999999999</v>
      </c>
      <c r="C1296" s="10">
        <v>29.62575</v>
      </c>
      <c r="D1296" s="10">
        <v>28.73075</v>
      </c>
      <c r="E1296" s="10">
        <v>28.972999999999999</v>
      </c>
      <c r="F1296" s="10">
        <v>27.064499999999999</v>
      </c>
      <c r="G1296" s="10">
        <v>27.1175</v>
      </c>
    </row>
    <row r="1297" spans="1:7" x14ac:dyDescent="0.25">
      <c r="A1297" s="10">
        <v>582</v>
      </c>
      <c r="B1297" s="10">
        <v>30.213249999999999</v>
      </c>
      <c r="C1297" s="10">
        <v>29.610749999999999</v>
      </c>
      <c r="D1297" s="10">
        <v>28.662749999999999</v>
      </c>
      <c r="E1297" s="10">
        <v>28.984749999999998</v>
      </c>
      <c r="F1297" s="10">
        <v>27.039000000000001</v>
      </c>
      <c r="G1297" s="10">
        <v>27.073499999999999</v>
      </c>
    </row>
    <row r="1298" spans="1:7" x14ac:dyDescent="0.25">
      <c r="A1298" s="10">
        <v>582.5</v>
      </c>
      <c r="B1298" s="10">
        <v>30.179749999999999</v>
      </c>
      <c r="C1298" s="10">
        <v>29.605250000000002</v>
      </c>
      <c r="D1298" s="10">
        <v>28.6815</v>
      </c>
      <c r="E1298" s="10">
        <v>28.9695</v>
      </c>
      <c r="F1298" s="10">
        <v>27.029</v>
      </c>
      <c r="G1298" s="10">
        <v>27.103750000000002</v>
      </c>
    </row>
    <row r="1299" spans="1:7" x14ac:dyDescent="0.25">
      <c r="A1299" s="10">
        <v>583</v>
      </c>
      <c r="B1299" s="10">
        <v>30.173749999999998</v>
      </c>
      <c r="C1299" s="10">
        <v>29.596499999999999</v>
      </c>
      <c r="D1299" s="10">
        <v>28.658750000000001</v>
      </c>
      <c r="E1299" s="10">
        <v>28.982500000000002</v>
      </c>
      <c r="F1299" s="10">
        <v>27.013999999999999</v>
      </c>
      <c r="G1299" s="10">
        <v>27.077750000000002</v>
      </c>
    </row>
    <row r="1300" spans="1:7" x14ac:dyDescent="0.25">
      <c r="A1300" s="10">
        <v>583.5</v>
      </c>
      <c r="B1300" s="10">
        <v>30.162749999999999</v>
      </c>
      <c r="C1300" s="10">
        <v>29.565999999999999</v>
      </c>
      <c r="D1300" s="10">
        <v>28.645250000000001</v>
      </c>
      <c r="E1300" s="10">
        <v>28.942250000000001</v>
      </c>
      <c r="F1300" s="10">
        <v>27.0105</v>
      </c>
      <c r="G1300" s="10">
        <v>27.060749999999999</v>
      </c>
    </row>
    <row r="1301" spans="1:7" x14ac:dyDescent="0.25">
      <c r="A1301" s="10">
        <v>584</v>
      </c>
      <c r="B1301" s="10">
        <v>30.153500000000001</v>
      </c>
      <c r="C1301" s="10">
        <v>29.580249999999999</v>
      </c>
      <c r="D1301" s="10">
        <v>28.614750000000001</v>
      </c>
      <c r="E1301" s="10">
        <v>28.945</v>
      </c>
      <c r="F1301" s="10">
        <v>27.014749999999999</v>
      </c>
      <c r="G1301" s="10">
        <v>27.085999999999999</v>
      </c>
    </row>
    <row r="1302" spans="1:7" x14ac:dyDescent="0.25">
      <c r="A1302" s="10">
        <v>584.5</v>
      </c>
      <c r="B1302" s="10">
        <v>30.137</v>
      </c>
      <c r="C1302" s="10">
        <v>29.506499999999999</v>
      </c>
      <c r="D1302" s="10">
        <v>28.615749999999998</v>
      </c>
      <c r="E1302" s="10">
        <v>28.93825</v>
      </c>
      <c r="F1302" s="10">
        <v>26.988</v>
      </c>
      <c r="G1302" s="10">
        <v>27.064250000000001</v>
      </c>
    </row>
    <row r="1303" spans="1:7" x14ac:dyDescent="0.25">
      <c r="A1303" s="10">
        <v>585</v>
      </c>
      <c r="B1303" s="10">
        <v>30.123000000000001</v>
      </c>
      <c r="C1303" s="10">
        <v>29.502500000000001</v>
      </c>
      <c r="D1303" s="10">
        <v>28.625</v>
      </c>
      <c r="E1303" s="10">
        <v>28.928750000000001</v>
      </c>
      <c r="F1303" s="10">
        <v>26.991499999999998</v>
      </c>
      <c r="G1303" s="10">
        <v>27.027750000000001</v>
      </c>
    </row>
    <row r="1304" spans="1:7" x14ac:dyDescent="0.25">
      <c r="A1304" s="10">
        <v>585.5</v>
      </c>
      <c r="B1304" s="10">
        <v>30.107749999999999</v>
      </c>
      <c r="C1304" s="10">
        <v>29.521750000000001</v>
      </c>
      <c r="D1304" s="10">
        <v>28.601749999999999</v>
      </c>
      <c r="E1304" s="10">
        <v>28.893750000000001</v>
      </c>
      <c r="F1304" s="10">
        <v>26.97175</v>
      </c>
      <c r="G1304" s="10">
        <v>27.027999999999999</v>
      </c>
    </row>
    <row r="1305" spans="1:7" x14ac:dyDescent="0.25">
      <c r="A1305" s="10">
        <v>586</v>
      </c>
      <c r="B1305" s="10">
        <v>30.108000000000001</v>
      </c>
      <c r="C1305" s="10">
        <v>29.4925</v>
      </c>
      <c r="D1305" s="10">
        <v>28.58325</v>
      </c>
      <c r="E1305" s="10">
        <v>28.896249999999998</v>
      </c>
      <c r="F1305" s="10">
        <v>26.96575</v>
      </c>
      <c r="G1305" s="10">
        <v>27.020250000000001</v>
      </c>
    </row>
    <row r="1306" spans="1:7" x14ac:dyDescent="0.25">
      <c r="A1306" s="10">
        <v>586.5</v>
      </c>
      <c r="B1306" s="10">
        <v>30.066749999999999</v>
      </c>
      <c r="C1306" s="10">
        <v>29.486750000000001</v>
      </c>
      <c r="D1306" s="10">
        <v>28.577249999999999</v>
      </c>
      <c r="E1306" s="10">
        <v>28.86975</v>
      </c>
      <c r="F1306" s="10">
        <v>26.956</v>
      </c>
      <c r="G1306" s="10">
        <v>27.015750000000001</v>
      </c>
    </row>
    <row r="1307" spans="1:7" x14ac:dyDescent="0.25">
      <c r="A1307" s="10">
        <v>587</v>
      </c>
      <c r="B1307" s="10">
        <v>30.085999999999999</v>
      </c>
      <c r="C1307" s="10">
        <v>29.468</v>
      </c>
      <c r="D1307" s="10">
        <v>28.564</v>
      </c>
      <c r="E1307" s="10">
        <v>28.874749999999999</v>
      </c>
      <c r="F1307" s="10">
        <v>26.952750000000002</v>
      </c>
      <c r="G1307" s="10">
        <v>27.032</v>
      </c>
    </row>
    <row r="1308" spans="1:7" x14ac:dyDescent="0.25">
      <c r="A1308" s="10">
        <v>587.5</v>
      </c>
      <c r="B1308" s="10">
        <v>30.043749999999999</v>
      </c>
      <c r="C1308" s="10">
        <v>29.47925</v>
      </c>
      <c r="D1308" s="10">
        <v>28.5565</v>
      </c>
      <c r="E1308" s="10">
        <v>28.857250000000001</v>
      </c>
      <c r="F1308" s="10">
        <v>26.9375</v>
      </c>
      <c r="G1308" s="10">
        <v>27.026</v>
      </c>
    </row>
    <row r="1309" spans="1:7" x14ac:dyDescent="0.25">
      <c r="A1309" s="10">
        <v>588</v>
      </c>
      <c r="B1309" s="10">
        <v>30.047750000000001</v>
      </c>
      <c r="C1309" s="10">
        <v>29.450749999999999</v>
      </c>
      <c r="D1309" s="10">
        <v>28.509</v>
      </c>
      <c r="E1309" s="10">
        <v>28.86675</v>
      </c>
      <c r="F1309" s="10">
        <v>26.940999999999999</v>
      </c>
      <c r="G1309" s="10">
        <v>26.981249999999999</v>
      </c>
    </row>
    <row r="1310" spans="1:7" x14ac:dyDescent="0.25">
      <c r="A1310" s="10">
        <v>588.5</v>
      </c>
      <c r="B1310" s="10">
        <v>30.017749999999999</v>
      </c>
      <c r="C1310" s="10">
        <v>29.448499999999999</v>
      </c>
      <c r="D1310" s="10">
        <v>28.506499999999999</v>
      </c>
      <c r="E1310" s="10">
        <v>28.822749999999999</v>
      </c>
      <c r="F1310" s="10">
        <v>26.911249999999999</v>
      </c>
      <c r="G1310" s="10">
        <v>26.97</v>
      </c>
    </row>
    <row r="1311" spans="1:7" x14ac:dyDescent="0.25">
      <c r="A1311" s="10">
        <v>589</v>
      </c>
      <c r="B1311" s="10">
        <v>30.004750000000001</v>
      </c>
      <c r="C1311" s="10">
        <v>29.43</v>
      </c>
      <c r="D1311" s="10">
        <v>28.498249999999999</v>
      </c>
      <c r="E1311" s="10">
        <v>28.82375</v>
      </c>
      <c r="F1311" s="10">
        <v>26.90925</v>
      </c>
      <c r="G1311" s="10">
        <v>26.967749999999999</v>
      </c>
    </row>
    <row r="1312" spans="1:7" x14ac:dyDescent="0.25">
      <c r="A1312" s="10">
        <v>589.5</v>
      </c>
      <c r="B1312" s="10">
        <v>29.966000000000001</v>
      </c>
      <c r="C1312" s="10">
        <v>29.40625</v>
      </c>
      <c r="D1312" s="10">
        <v>28.4955</v>
      </c>
      <c r="E1312" s="10">
        <v>28.815000000000001</v>
      </c>
      <c r="F1312" s="10">
        <v>26.888750000000002</v>
      </c>
      <c r="G1312" s="10">
        <v>26.971</v>
      </c>
    </row>
    <row r="1313" spans="1:7" x14ac:dyDescent="0.25">
      <c r="A1313" s="10">
        <v>590</v>
      </c>
      <c r="B1313" s="10">
        <v>29.97925</v>
      </c>
      <c r="C1313" s="10">
        <v>29.387250000000002</v>
      </c>
      <c r="D1313" s="10">
        <v>28.473749999999999</v>
      </c>
      <c r="E1313" s="10">
        <v>28.80575</v>
      </c>
      <c r="F1313" s="10">
        <v>26.866250000000001</v>
      </c>
      <c r="G1313" s="10">
        <v>26.968499999999999</v>
      </c>
    </row>
    <row r="1314" spans="1:7" x14ac:dyDescent="0.25">
      <c r="A1314" s="10">
        <v>590.5</v>
      </c>
      <c r="B1314" s="10">
        <v>29.934249999999999</v>
      </c>
      <c r="C1314" s="10">
        <v>29.382249999999999</v>
      </c>
      <c r="D1314" s="10">
        <v>28.4815</v>
      </c>
      <c r="E1314" s="10">
        <v>28.786750000000001</v>
      </c>
      <c r="F1314" s="10">
        <v>26.871500000000001</v>
      </c>
      <c r="G1314" s="10">
        <v>26.951750000000001</v>
      </c>
    </row>
    <row r="1315" spans="1:7" x14ac:dyDescent="0.25">
      <c r="A1315" s="10">
        <v>591</v>
      </c>
      <c r="B1315" s="10">
        <v>29.977250000000002</v>
      </c>
      <c r="C1315" s="10">
        <v>29.395499999999998</v>
      </c>
      <c r="D1315" s="10">
        <v>28.455749999999998</v>
      </c>
      <c r="E1315" s="10">
        <v>28.783999999999999</v>
      </c>
      <c r="F1315" s="10">
        <v>26.892749999999999</v>
      </c>
      <c r="G1315" s="10">
        <v>26.93675</v>
      </c>
    </row>
    <row r="1316" spans="1:7" x14ac:dyDescent="0.25">
      <c r="A1316" s="10">
        <v>591.5</v>
      </c>
      <c r="B1316" s="10">
        <v>29.913499999999999</v>
      </c>
      <c r="C1316" s="10">
        <v>29.341000000000001</v>
      </c>
      <c r="D1316" s="10">
        <v>28.453250000000001</v>
      </c>
      <c r="E1316" s="10">
        <v>28.797000000000001</v>
      </c>
      <c r="F1316" s="10">
        <v>26.861000000000001</v>
      </c>
      <c r="G1316" s="10">
        <v>26.929500000000001</v>
      </c>
    </row>
    <row r="1317" spans="1:7" x14ac:dyDescent="0.25">
      <c r="A1317" s="10">
        <v>592</v>
      </c>
      <c r="B1317" s="10">
        <v>29.924250000000001</v>
      </c>
      <c r="C1317" s="10">
        <v>29.350750000000001</v>
      </c>
      <c r="D1317" s="10">
        <v>28.447749999999999</v>
      </c>
      <c r="E1317" s="10">
        <v>28.730250000000002</v>
      </c>
      <c r="F1317" s="10">
        <v>26.827500000000001</v>
      </c>
      <c r="G1317" s="10">
        <v>26.923249999999999</v>
      </c>
    </row>
    <row r="1318" spans="1:7" x14ac:dyDescent="0.25">
      <c r="A1318" s="10">
        <v>592.5</v>
      </c>
      <c r="B1318" s="10">
        <v>29.919499999999999</v>
      </c>
      <c r="C1318" s="10">
        <v>29.33925</v>
      </c>
      <c r="D1318" s="10">
        <v>28.43675</v>
      </c>
      <c r="E1318" s="10">
        <v>28.748750000000001</v>
      </c>
      <c r="F1318" s="10">
        <v>26.815999999999999</v>
      </c>
      <c r="G1318" s="10">
        <v>26.90325</v>
      </c>
    </row>
    <row r="1319" spans="1:7" x14ac:dyDescent="0.25">
      <c r="A1319" s="10">
        <v>593</v>
      </c>
      <c r="B1319" s="10">
        <v>29.866</v>
      </c>
      <c r="C1319" s="10">
        <v>29.341249999999999</v>
      </c>
      <c r="D1319" s="10">
        <v>28.415500000000002</v>
      </c>
      <c r="E1319" s="10">
        <v>28.746500000000001</v>
      </c>
      <c r="F1319" s="10">
        <v>26.826250000000002</v>
      </c>
      <c r="G1319" s="10">
        <v>26.91</v>
      </c>
    </row>
    <row r="1320" spans="1:7" x14ac:dyDescent="0.25">
      <c r="A1320" s="10">
        <v>593.5</v>
      </c>
      <c r="B1320" s="10">
        <v>29.881499999999999</v>
      </c>
      <c r="C1320" s="10">
        <v>29.328499999999998</v>
      </c>
      <c r="D1320" s="10">
        <v>28.402750000000001</v>
      </c>
      <c r="E1320" s="10">
        <v>28.710249999999998</v>
      </c>
      <c r="F1320" s="10">
        <v>26.81325</v>
      </c>
      <c r="G1320" s="10">
        <v>26.901250000000001</v>
      </c>
    </row>
    <row r="1321" spans="1:7" x14ac:dyDescent="0.25">
      <c r="A1321" s="10">
        <v>594</v>
      </c>
      <c r="B1321" s="10">
        <v>29.868500000000001</v>
      </c>
      <c r="C1321" s="10">
        <v>29.327249999999999</v>
      </c>
      <c r="D1321" s="10">
        <v>28.387499999999999</v>
      </c>
      <c r="E1321" s="10">
        <v>28.724250000000001</v>
      </c>
      <c r="F1321" s="10">
        <v>26.825749999999999</v>
      </c>
      <c r="G1321" s="10">
        <v>26.88025</v>
      </c>
    </row>
    <row r="1322" spans="1:7" x14ac:dyDescent="0.25">
      <c r="A1322" s="10">
        <v>594.5</v>
      </c>
      <c r="B1322" s="10">
        <v>29.827249999999999</v>
      </c>
      <c r="C1322" s="10">
        <v>29.278500000000001</v>
      </c>
      <c r="D1322" s="10">
        <v>28.37125</v>
      </c>
      <c r="E1322" s="10">
        <v>28.699750000000002</v>
      </c>
      <c r="F1322" s="10">
        <v>26.8185</v>
      </c>
      <c r="G1322" s="10">
        <v>26.882249999999999</v>
      </c>
    </row>
    <row r="1323" spans="1:7" x14ac:dyDescent="0.25">
      <c r="A1323" s="10">
        <v>595</v>
      </c>
      <c r="B1323" s="10">
        <v>29.846250000000001</v>
      </c>
      <c r="C1323" s="10">
        <v>29.274750000000001</v>
      </c>
      <c r="D1323" s="10">
        <v>28.356750000000002</v>
      </c>
      <c r="E1323" s="10">
        <v>28.683250000000001</v>
      </c>
      <c r="F1323" s="10">
        <v>26.80125</v>
      </c>
      <c r="G1323" s="10">
        <v>26.884</v>
      </c>
    </row>
    <row r="1324" spans="1:7" x14ac:dyDescent="0.25">
      <c r="A1324" s="10">
        <v>595.5</v>
      </c>
      <c r="B1324" s="10">
        <v>29.82525</v>
      </c>
      <c r="C1324" s="10">
        <v>29.273250000000001</v>
      </c>
      <c r="D1324" s="10">
        <v>28.358250000000002</v>
      </c>
      <c r="E1324" s="10">
        <v>28.677250000000001</v>
      </c>
      <c r="F1324" s="10">
        <v>26.78875</v>
      </c>
      <c r="G1324" s="10">
        <v>26.863499999999998</v>
      </c>
    </row>
    <row r="1325" spans="1:7" x14ac:dyDescent="0.25">
      <c r="A1325" s="10">
        <v>596</v>
      </c>
      <c r="B1325" s="10">
        <v>29.81</v>
      </c>
      <c r="C1325" s="10">
        <v>29.233250000000002</v>
      </c>
      <c r="D1325" s="10">
        <v>28.338249999999999</v>
      </c>
      <c r="E1325" s="10">
        <v>28.6645</v>
      </c>
      <c r="F1325" s="10">
        <v>26.764250000000001</v>
      </c>
      <c r="G1325" s="10">
        <v>26.861249999999998</v>
      </c>
    </row>
    <row r="1326" spans="1:7" x14ac:dyDescent="0.25">
      <c r="A1326" s="10">
        <v>596.5</v>
      </c>
      <c r="B1326" s="10">
        <v>29.779250000000001</v>
      </c>
      <c r="C1326" s="10">
        <v>29.222000000000001</v>
      </c>
      <c r="D1326" s="10">
        <v>28.332249999999998</v>
      </c>
      <c r="E1326" s="10">
        <v>28.670249999999999</v>
      </c>
      <c r="F1326" s="10">
        <v>26.752500000000001</v>
      </c>
      <c r="G1326" s="10">
        <v>26.866499999999998</v>
      </c>
    </row>
    <row r="1327" spans="1:7" x14ac:dyDescent="0.25">
      <c r="A1327" s="10">
        <v>597</v>
      </c>
      <c r="B1327" s="10">
        <v>29.77825</v>
      </c>
      <c r="C1327" s="10">
        <v>29.245999999999999</v>
      </c>
      <c r="D1327" s="10">
        <v>28.316500000000001</v>
      </c>
      <c r="E1327" s="10">
        <v>28.663499999999999</v>
      </c>
      <c r="F1327" s="10">
        <v>26.734999999999999</v>
      </c>
      <c r="G1327" s="10">
        <v>26.852</v>
      </c>
    </row>
    <row r="1328" spans="1:7" x14ac:dyDescent="0.25">
      <c r="A1328" s="10">
        <v>597.5</v>
      </c>
      <c r="B1328" s="10">
        <v>29.777000000000001</v>
      </c>
      <c r="C1328" s="10">
        <v>29.227250000000002</v>
      </c>
      <c r="D1328" s="10">
        <v>28.317499999999999</v>
      </c>
      <c r="E1328" s="10">
        <v>28.617000000000001</v>
      </c>
      <c r="F1328" s="10">
        <v>26.738</v>
      </c>
      <c r="G1328" s="10">
        <v>26.840499999999999</v>
      </c>
    </row>
    <row r="1329" spans="1:7" x14ac:dyDescent="0.25">
      <c r="A1329" s="10">
        <v>598</v>
      </c>
      <c r="B1329" s="10">
        <v>29.72475</v>
      </c>
      <c r="C1329" s="10">
        <v>29.178000000000001</v>
      </c>
      <c r="D1329" s="10">
        <v>28.292750000000002</v>
      </c>
      <c r="E1329" s="10">
        <v>28.611499999999999</v>
      </c>
      <c r="F1329" s="10">
        <v>26.74025</v>
      </c>
      <c r="G1329" s="10">
        <v>26.838750000000001</v>
      </c>
    </row>
    <row r="1330" spans="1:7" x14ac:dyDescent="0.25">
      <c r="A1330" s="10">
        <v>598.5</v>
      </c>
      <c r="B1330" s="10">
        <v>29.747250000000001</v>
      </c>
      <c r="C1330" s="10">
        <v>29.19125</v>
      </c>
      <c r="D1330" s="10">
        <v>28.264500000000002</v>
      </c>
      <c r="E1330" s="10">
        <v>28.6235</v>
      </c>
      <c r="F1330" s="10">
        <v>26.731249999999999</v>
      </c>
      <c r="G1330" s="10">
        <v>26.826499999999999</v>
      </c>
    </row>
    <row r="1331" spans="1:7" x14ac:dyDescent="0.25">
      <c r="A1331" s="10">
        <v>599</v>
      </c>
      <c r="B1331" s="10">
        <v>29.701499999999999</v>
      </c>
      <c r="C1331" s="10">
        <v>29.194749999999999</v>
      </c>
      <c r="D1331" s="10">
        <v>28.264749999999999</v>
      </c>
      <c r="E1331" s="10">
        <v>28.617999999999999</v>
      </c>
      <c r="F1331" s="10">
        <v>26.735499999999998</v>
      </c>
      <c r="G1331" s="10">
        <v>26.807749999999999</v>
      </c>
    </row>
    <row r="1332" spans="1:7" x14ac:dyDescent="0.25">
      <c r="A1332" s="10">
        <v>599.5</v>
      </c>
      <c r="B1332" s="10">
        <v>29.707000000000001</v>
      </c>
      <c r="C1332" s="10">
        <v>29.147749999999998</v>
      </c>
      <c r="D1332" s="10">
        <v>28.265750000000001</v>
      </c>
      <c r="E1332" s="10">
        <v>28.584499999999998</v>
      </c>
      <c r="F1332" s="10">
        <v>26.692</v>
      </c>
      <c r="G1332" s="10">
        <v>26.797249999999998</v>
      </c>
    </row>
    <row r="1333" spans="1:7" x14ac:dyDescent="0.25">
      <c r="A1333" s="10">
        <v>600</v>
      </c>
      <c r="B1333" s="10">
        <v>29.705249999999999</v>
      </c>
      <c r="C1333" s="10">
        <v>29.129249999999999</v>
      </c>
      <c r="D1333" s="10">
        <v>28.24</v>
      </c>
      <c r="E1333" s="10">
        <v>28.578499999999998</v>
      </c>
      <c r="F1333" s="10">
        <v>26.68375</v>
      </c>
      <c r="G1333" s="10">
        <v>26.765000000000001</v>
      </c>
    </row>
    <row r="1334" spans="1:7" x14ac:dyDescent="0.25">
      <c r="A1334" s="10">
        <v>600.5</v>
      </c>
      <c r="B1334" s="10">
        <v>29.666250000000002</v>
      </c>
      <c r="C1334" s="10">
        <v>29.149750000000001</v>
      </c>
      <c r="D1334" s="10">
        <v>28.236750000000001</v>
      </c>
      <c r="E1334" s="10">
        <v>28.574000000000002</v>
      </c>
      <c r="F1334" s="10">
        <v>26.665749999999999</v>
      </c>
      <c r="G1334" s="10">
        <v>26.804500000000001</v>
      </c>
    </row>
    <row r="1335" spans="1:7" x14ac:dyDescent="0.25">
      <c r="A1335" s="10">
        <v>601</v>
      </c>
      <c r="B1335" s="10">
        <v>29.6465</v>
      </c>
      <c r="C1335" s="10">
        <v>29.127749999999999</v>
      </c>
      <c r="D1335" s="10">
        <v>28.238499999999998</v>
      </c>
      <c r="E1335" s="10">
        <v>28.53875</v>
      </c>
      <c r="F1335" s="10">
        <v>26.683250000000001</v>
      </c>
      <c r="G1335" s="10">
        <v>26.772500000000001</v>
      </c>
    </row>
    <row r="1336" spans="1:7" x14ac:dyDescent="0.25">
      <c r="A1336" s="10">
        <v>601.5</v>
      </c>
      <c r="B1336" s="10">
        <v>29.638999999999999</v>
      </c>
      <c r="C1336" s="10">
        <v>29.106999999999999</v>
      </c>
      <c r="D1336" s="10">
        <v>28.205749999999998</v>
      </c>
      <c r="E1336" s="10">
        <v>28.553249999999998</v>
      </c>
      <c r="F1336" s="10">
        <v>26.662500000000001</v>
      </c>
      <c r="G1336" s="10">
        <v>26.794250000000002</v>
      </c>
    </row>
    <row r="1337" spans="1:7" x14ac:dyDescent="0.25">
      <c r="A1337" s="10">
        <v>602</v>
      </c>
      <c r="B1337" s="10">
        <v>29.635999999999999</v>
      </c>
      <c r="C1337" s="10">
        <v>29.11975</v>
      </c>
      <c r="D1337" s="10">
        <v>28.231000000000002</v>
      </c>
      <c r="E1337" s="10">
        <v>28.523</v>
      </c>
      <c r="F1337" s="10">
        <v>26.654499999999999</v>
      </c>
      <c r="G1337" s="10">
        <v>26.784749999999999</v>
      </c>
    </row>
    <row r="1338" spans="1:7" x14ac:dyDescent="0.25">
      <c r="A1338" s="10">
        <v>602.5</v>
      </c>
      <c r="B1338" s="10">
        <v>29.629249999999999</v>
      </c>
      <c r="C1338" s="10">
        <v>29.076250000000002</v>
      </c>
      <c r="D1338" s="10">
        <v>28.1815</v>
      </c>
      <c r="E1338" s="10">
        <v>28.53875</v>
      </c>
      <c r="F1338" s="10">
        <v>26.649750000000001</v>
      </c>
      <c r="G1338" s="10">
        <v>26.753499999999999</v>
      </c>
    </row>
    <row r="1339" spans="1:7" x14ac:dyDescent="0.25">
      <c r="A1339" s="10">
        <v>603</v>
      </c>
      <c r="B1339" s="10">
        <v>29.620249999999999</v>
      </c>
      <c r="C1339" s="10">
        <v>29.056750000000001</v>
      </c>
      <c r="D1339" s="10">
        <v>28.199750000000002</v>
      </c>
      <c r="E1339" s="10">
        <v>28.490500000000001</v>
      </c>
      <c r="F1339" s="10">
        <v>26.634250000000002</v>
      </c>
      <c r="G1339" s="10">
        <v>26.762499999999999</v>
      </c>
    </row>
    <row r="1340" spans="1:7" x14ac:dyDescent="0.25">
      <c r="A1340" s="10">
        <v>603.5</v>
      </c>
      <c r="B1340" s="10">
        <v>29.619499999999999</v>
      </c>
      <c r="C1340" s="10">
        <v>29.05275</v>
      </c>
      <c r="D1340" s="10">
        <v>28.15775</v>
      </c>
      <c r="E1340" s="10">
        <v>28.49925</v>
      </c>
      <c r="F1340" s="10">
        <v>26.648250000000001</v>
      </c>
      <c r="G1340" s="10">
        <v>26.742999999999999</v>
      </c>
    </row>
    <row r="1341" spans="1:7" x14ac:dyDescent="0.25">
      <c r="A1341" s="10">
        <v>604</v>
      </c>
      <c r="B1341" s="10">
        <v>29.580249999999999</v>
      </c>
      <c r="C1341" s="10">
        <v>29.037500000000001</v>
      </c>
      <c r="D1341" s="10">
        <v>28.164999999999999</v>
      </c>
      <c r="E1341" s="10">
        <v>28.524750000000001</v>
      </c>
      <c r="F1341" s="10">
        <v>26.619499999999999</v>
      </c>
      <c r="G1341" s="10">
        <v>26.739750000000001</v>
      </c>
    </row>
    <row r="1342" spans="1:7" x14ac:dyDescent="0.25">
      <c r="A1342" s="10">
        <v>604.5</v>
      </c>
      <c r="B1342" s="10">
        <v>29.544499999999999</v>
      </c>
      <c r="C1342" s="10">
        <v>29.023</v>
      </c>
      <c r="D1342" s="10">
        <v>28.130500000000001</v>
      </c>
      <c r="E1342" s="10">
        <v>28.487749999999998</v>
      </c>
      <c r="F1342" s="10">
        <v>26.62725</v>
      </c>
      <c r="G1342" s="10">
        <v>26.732749999999999</v>
      </c>
    </row>
    <row r="1343" spans="1:7" x14ac:dyDescent="0.25">
      <c r="A1343" s="10">
        <v>605</v>
      </c>
      <c r="B1343" s="10">
        <v>29.55</v>
      </c>
      <c r="C1343" s="10">
        <v>29.010750000000002</v>
      </c>
      <c r="D1343" s="10">
        <v>28.107250000000001</v>
      </c>
      <c r="E1343" s="10">
        <v>28.46875</v>
      </c>
      <c r="F1343" s="10">
        <v>26.596499999999999</v>
      </c>
      <c r="G1343" s="10">
        <v>26.742000000000001</v>
      </c>
    </row>
    <row r="1344" spans="1:7" x14ac:dyDescent="0.25">
      <c r="A1344" s="10">
        <v>605.5</v>
      </c>
      <c r="B1344" s="10">
        <v>29.54325</v>
      </c>
      <c r="C1344" s="10">
        <v>29.003250000000001</v>
      </c>
      <c r="D1344" s="10">
        <v>28.120249999999999</v>
      </c>
      <c r="E1344" s="10">
        <v>28.48</v>
      </c>
      <c r="F1344" s="10">
        <v>26.609249999999999</v>
      </c>
      <c r="G1344" s="10">
        <v>26.72025</v>
      </c>
    </row>
    <row r="1345" spans="1:7" x14ac:dyDescent="0.25">
      <c r="A1345" s="10">
        <v>606</v>
      </c>
      <c r="B1345" s="10">
        <v>29.528749999999999</v>
      </c>
      <c r="C1345" s="10">
        <v>28.98075</v>
      </c>
      <c r="D1345" s="10">
        <v>28.11</v>
      </c>
      <c r="E1345" s="10">
        <v>28.457249999999998</v>
      </c>
      <c r="F1345" s="10">
        <v>26.564499999999999</v>
      </c>
      <c r="G1345" s="10">
        <v>26.70825</v>
      </c>
    </row>
    <row r="1346" spans="1:7" x14ac:dyDescent="0.25">
      <c r="A1346" s="10">
        <v>606.5</v>
      </c>
      <c r="B1346" s="10">
        <v>29.51275</v>
      </c>
      <c r="C1346" s="10">
        <v>28.98725</v>
      </c>
      <c r="D1346" s="10">
        <v>28.105499999999999</v>
      </c>
      <c r="E1346" s="10">
        <v>28.446000000000002</v>
      </c>
      <c r="F1346" s="10">
        <v>26.562249999999999</v>
      </c>
      <c r="G1346" s="10">
        <v>26.688500000000001</v>
      </c>
    </row>
    <row r="1347" spans="1:7" x14ac:dyDescent="0.25">
      <c r="A1347" s="10">
        <v>607</v>
      </c>
      <c r="B1347" s="10">
        <v>29.494250000000001</v>
      </c>
      <c r="C1347" s="10">
        <v>28.97325</v>
      </c>
      <c r="D1347" s="10">
        <v>28.084499999999998</v>
      </c>
      <c r="E1347" s="10">
        <v>28.420999999999999</v>
      </c>
      <c r="F1347" s="10">
        <v>26.56175</v>
      </c>
      <c r="G1347" s="10">
        <v>26.687999999999999</v>
      </c>
    </row>
    <row r="1348" spans="1:7" x14ac:dyDescent="0.25">
      <c r="A1348" s="10">
        <v>607.5</v>
      </c>
      <c r="B1348" s="10">
        <v>29.48725</v>
      </c>
      <c r="C1348" s="10">
        <v>28.95675</v>
      </c>
      <c r="D1348" s="10">
        <v>28.0825</v>
      </c>
      <c r="E1348" s="10">
        <v>28.417750000000002</v>
      </c>
      <c r="F1348" s="10">
        <v>26.579000000000001</v>
      </c>
      <c r="G1348" s="10">
        <v>26.66375</v>
      </c>
    </row>
    <row r="1349" spans="1:7" x14ac:dyDescent="0.25">
      <c r="A1349" s="10">
        <v>608</v>
      </c>
      <c r="B1349" s="10">
        <v>29.468250000000001</v>
      </c>
      <c r="C1349" s="10">
        <v>28.962250000000001</v>
      </c>
      <c r="D1349" s="10">
        <v>28.07375</v>
      </c>
      <c r="E1349" s="10">
        <v>28.422000000000001</v>
      </c>
      <c r="F1349" s="10">
        <v>26.53125</v>
      </c>
      <c r="G1349" s="10">
        <v>26.69</v>
      </c>
    </row>
    <row r="1350" spans="1:7" x14ac:dyDescent="0.25">
      <c r="A1350" s="10">
        <v>608.5</v>
      </c>
      <c r="B1350" s="10">
        <v>29.459250000000001</v>
      </c>
      <c r="C1350" s="10">
        <v>28.928999999999998</v>
      </c>
      <c r="D1350" s="10">
        <v>28.055250000000001</v>
      </c>
      <c r="E1350" s="10">
        <v>28.420500000000001</v>
      </c>
      <c r="F1350" s="10">
        <v>26.536249999999999</v>
      </c>
      <c r="G1350" s="10">
        <v>26.673999999999999</v>
      </c>
    </row>
    <row r="1351" spans="1:7" x14ac:dyDescent="0.25">
      <c r="A1351" s="10">
        <v>609</v>
      </c>
      <c r="B1351" s="10">
        <v>29.45675</v>
      </c>
      <c r="C1351" s="10">
        <v>28.934999999999999</v>
      </c>
      <c r="D1351" s="10">
        <v>28.024750000000001</v>
      </c>
      <c r="E1351" s="10">
        <v>28.401</v>
      </c>
      <c r="F1351" s="10">
        <v>26.539000000000001</v>
      </c>
      <c r="G1351" s="10">
        <v>26.672000000000001</v>
      </c>
    </row>
    <row r="1352" spans="1:7" x14ac:dyDescent="0.25">
      <c r="A1352" s="10">
        <v>609.5</v>
      </c>
      <c r="B1352" s="10">
        <v>29.43675</v>
      </c>
      <c r="C1352" s="10">
        <v>28.909749999999999</v>
      </c>
      <c r="D1352" s="10">
        <v>28.047999999999998</v>
      </c>
      <c r="E1352" s="10">
        <v>28.408000000000001</v>
      </c>
      <c r="F1352" s="10">
        <v>26.521000000000001</v>
      </c>
      <c r="G1352" s="10">
        <v>26.680250000000001</v>
      </c>
    </row>
    <row r="1353" spans="1:7" x14ac:dyDescent="0.25">
      <c r="A1353" s="10">
        <v>610</v>
      </c>
      <c r="B1353" s="10">
        <v>29.4375</v>
      </c>
      <c r="C1353" s="10">
        <v>28.899000000000001</v>
      </c>
      <c r="D1353" s="10">
        <v>28.02</v>
      </c>
      <c r="E1353" s="10">
        <v>28.359000000000002</v>
      </c>
      <c r="F1353" s="10">
        <v>26.516249999999999</v>
      </c>
      <c r="G1353" s="10">
        <v>26.640750000000001</v>
      </c>
    </row>
    <row r="1354" spans="1:7" x14ac:dyDescent="0.25">
      <c r="A1354" s="10">
        <v>610.5</v>
      </c>
      <c r="B1354" s="10">
        <v>29.423500000000001</v>
      </c>
      <c r="C1354" s="10">
        <v>28.888500000000001</v>
      </c>
      <c r="D1354" s="10">
        <v>28.004750000000001</v>
      </c>
      <c r="E1354" s="10">
        <v>28.395</v>
      </c>
      <c r="F1354" s="10">
        <v>26.505500000000001</v>
      </c>
      <c r="G1354" s="10">
        <v>26.641249999999999</v>
      </c>
    </row>
    <row r="1355" spans="1:7" x14ac:dyDescent="0.25">
      <c r="A1355" s="10">
        <v>611</v>
      </c>
      <c r="B1355" s="10">
        <v>29.3825</v>
      </c>
      <c r="C1355" s="10">
        <v>28.879750000000001</v>
      </c>
      <c r="D1355" s="10">
        <v>27.992999999999999</v>
      </c>
      <c r="E1355" s="10">
        <v>28.367000000000001</v>
      </c>
      <c r="F1355" s="10">
        <v>26.495249999999999</v>
      </c>
      <c r="G1355" s="10">
        <v>26.65325</v>
      </c>
    </row>
    <row r="1356" spans="1:7" x14ac:dyDescent="0.25">
      <c r="A1356" s="10">
        <v>611.5</v>
      </c>
      <c r="B1356" s="10">
        <v>29.3735</v>
      </c>
      <c r="C1356" s="10">
        <v>28.868749999999999</v>
      </c>
      <c r="D1356" s="10">
        <v>27.966750000000001</v>
      </c>
      <c r="E1356" s="10">
        <v>28.354749999999999</v>
      </c>
      <c r="F1356" s="10">
        <v>26.474250000000001</v>
      </c>
      <c r="G1356" s="10">
        <v>26.62575</v>
      </c>
    </row>
    <row r="1357" spans="1:7" x14ac:dyDescent="0.25">
      <c r="A1357" s="10">
        <v>612</v>
      </c>
      <c r="B1357" s="10">
        <v>29.366250000000001</v>
      </c>
      <c r="C1357" s="10">
        <v>28.869</v>
      </c>
      <c r="D1357" s="10">
        <v>27.97</v>
      </c>
      <c r="E1357" s="10">
        <v>28.331</v>
      </c>
      <c r="F1357" s="10">
        <v>26.484249999999999</v>
      </c>
      <c r="G1357" s="10">
        <v>26.626999999999999</v>
      </c>
    </row>
    <row r="1358" spans="1:7" x14ac:dyDescent="0.25">
      <c r="A1358" s="10">
        <v>612.5</v>
      </c>
      <c r="B1358" s="10">
        <v>29.357749999999999</v>
      </c>
      <c r="C1358" s="10">
        <v>28.834</v>
      </c>
      <c r="D1358" s="10">
        <v>27.952999999999999</v>
      </c>
      <c r="E1358" s="10">
        <v>28.329000000000001</v>
      </c>
      <c r="F1358" s="10">
        <v>26.453499999999998</v>
      </c>
      <c r="G1358" s="10">
        <v>26.611750000000001</v>
      </c>
    </row>
    <row r="1359" spans="1:7" x14ac:dyDescent="0.25">
      <c r="A1359" s="10">
        <v>613</v>
      </c>
      <c r="B1359" s="10">
        <v>29.335249999999998</v>
      </c>
      <c r="C1359" s="10">
        <v>28.860749999999999</v>
      </c>
      <c r="D1359" s="10">
        <v>27.957999999999998</v>
      </c>
      <c r="E1359" s="10">
        <v>28.318999999999999</v>
      </c>
      <c r="F1359" s="10">
        <v>26.461500000000001</v>
      </c>
      <c r="G1359" s="10">
        <v>26.602</v>
      </c>
    </row>
    <row r="1360" spans="1:7" x14ac:dyDescent="0.25">
      <c r="A1360" s="10">
        <v>613.5</v>
      </c>
      <c r="B1360" s="10">
        <v>29.316749999999999</v>
      </c>
      <c r="C1360" s="10">
        <v>28.807500000000001</v>
      </c>
      <c r="D1360" s="10">
        <v>27.94875</v>
      </c>
      <c r="E1360" s="10">
        <v>28.296250000000001</v>
      </c>
      <c r="F1360" s="10">
        <v>26.448</v>
      </c>
      <c r="G1360" s="10">
        <v>26.59075</v>
      </c>
    </row>
    <row r="1361" spans="1:7" x14ac:dyDescent="0.25">
      <c r="A1361" s="10">
        <v>614</v>
      </c>
      <c r="B1361" s="10">
        <v>29.321249999999999</v>
      </c>
      <c r="C1361" s="10">
        <v>28.797249999999998</v>
      </c>
      <c r="D1361" s="10">
        <v>27.932749999999999</v>
      </c>
      <c r="E1361" s="10">
        <v>28.307749999999999</v>
      </c>
      <c r="F1361" s="10">
        <v>26.422000000000001</v>
      </c>
      <c r="G1361" s="10">
        <v>26.598749999999999</v>
      </c>
    </row>
    <row r="1362" spans="1:7" x14ac:dyDescent="0.25">
      <c r="A1362" s="10">
        <v>614.5</v>
      </c>
      <c r="B1362" s="10">
        <v>29.329249999999998</v>
      </c>
      <c r="C1362" s="10">
        <v>28.791250000000002</v>
      </c>
      <c r="D1362" s="10">
        <v>27.920500000000001</v>
      </c>
      <c r="E1362" s="10">
        <v>28.291250000000002</v>
      </c>
      <c r="F1362" s="10">
        <v>26.423500000000001</v>
      </c>
      <c r="G1362" s="10">
        <v>26.58925</v>
      </c>
    </row>
    <row r="1363" spans="1:7" x14ac:dyDescent="0.25">
      <c r="A1363" s="10">
        <v>615</v>
      </c>
      <c r="B1363" s="10">
        <v>29.282499999999999</v>
      </c>
      <c r="C1363" s="10">
        <v>28.763249999999999</v>
      </c>
      <c r="D1363" s="10">
        <v>27.907499999999999</v>
      </c>
      <c r="E1363" s="10">
        <v>28.268249999999998</v>
      </c>
      <c r="F1363" s="10">
        <v>26.430250000000001</v>
      </c>
      <c r="G1363" s="10">
        <v>26.572500000000002</v>
      </c>
    </row>
    <row r="1364" spans="1:7" x14ac:dyDescent="0.25">
      <c r="A1364" s="10">
        <v>615.5</v>
      </c>
      <c r="B1364" s="10">
        <v>29.287749999999999</v>
      </c>
      <c r="C1364" s="10">
        <v>28.748999999999999</v>
      </c>
      <c r="D1364" s="10">
        <v>27.914750000000002</v>
      </c>
      <c r="E1364" s="10">
        <v>28.280750000000001</v>
      </c>
      <c r="F1364" s="10">
        <v>26.413499999999999</v>
      </c>
      <c r="G1364" s="10">
        <v>26.576499999999999</v>
      </c>
    </row>
    <row r="1365" spans="1:7" x14ac:dyDescent="0.25">
      <c r="A1365" s="10">
        <v>616</v>
      </c>
      <c r="B1365" s="10">
        <v>29.279250000000001</v>
      </c>
      <c r="C1365" s="10">
        <v>28.766500000000001</v>
      </c>
      <c r="D1365" s="10">
        <v>27.888750000000002</v>
      </c>
      <c r="E1365" s="10">
        <v>28.257000000000001</v>
      </c>
      <c r="F1365" s="10">
        <v>26.397500000000001</v>
      </c>
      <c r="G1365" s="10">
        <v>26.545249999999999</v>
      </c>
    </row>
    <row r="1366" spans="1:7" x14ac:dyDescent="0.25">
      <c r="A1366" s="10">
        <v>616.5</v>
      </c>
      <c r="B1366" s="10">
        <v>29.249500000000001</v>
      </c>
      <c r="C1366" s="10">
        <v>28.75075</v>
      </c>
      <c r="D1366" s="10">
        <v>27.886749999999999</v>
      </c>
      <c r="E1366" s="10">
        <v>28.248249999999999</v>
      </c>
      <c r="F1366" s="10">
        <v>26.391999999999999</v>
      </c>
      <c r="G1366" s="10">
        <v>26.58325</v>
      </c>
    </row>
    <row r="1367" spans="1:7" x14ac:dyDescent="0.25">
      <c r="A1367" s="10">
        <v>617</v>
      </c>
      <c r="B1367" s="10">
        <v>29.242249999999999</v>
      </c>
      <c r="C1367" s="10">
        <v>28.778500000000001</v>
      </c>
      <c r="D1367" s="10">
        <v>27.872</v>
      </c>
      <c r="E1367" s="10">
        <v>28.263000000000002</v>
      </c>
      <c r="F1367" s="10">
        <v>26.404</v>
      </c>
      <c r="G1367" s="10">
        <v>26.564250000000001</v>
      </c>
    </row>
    <row r="1368" spans="1:7" x14ac:dyDescent="0.25">
      <c r="A1368" s="10">
        <v>617.5</v>
      </c>
      <c r="B1368" s="10">
        <v>29.218250000000001</v>
      </c>
      <c r="C1368" s="10">
        <v>28.709499999999998</v>
      </c>
      <c r="D1368" s="10">
        <v>27.868749999999999</v>
      </c>
      <c r="E1368" s="10">
        <v>28.246500000000001</v>
      </c>
      <c r="F1368" s="10">
        <v>26.396000000000001</v>
      </c>
      <c r="G1368" s="10">
        <v>26.535</v>
      </c>
    </row>
    <row r="1369" spans="1:7" x14ac:dyDescent="0.25">
      <c r="A1369" s="10">
        <v>618</v>
      </c>
      <c r="B1369" s="10">
        <v>29.22775</v>
      </c>
      <c r="C1369" s="10">
        <v>28.715250000000001</v>
      </c>
      <c r="D1369" s="10">
        <v>27.829000000000001</v>
      </c>
      <c r="E1369" s="10">
        <v>28.2135</v>
      </c>
      <c r="F1369" s="10">
        <v>26.349</v>
      </c>
      <c r="G1369" s="10">
        <v>26.509250000000002</v>
      </c>
    </row>
    <row r="1370" spans="1:7" x14ac:dyDescent="0.25">
      <c r="A1370" s="10">
        <v>618.5</v>
      </c>
      <c r="B1370" s="10">
        <v>29.216750000000001</v>
      </c>
      <c r="C1370" s="10">
        <v>28.689499999999999</v>
      </c>
      <c r="D1370" s="10">
        <v>27.848749999999999</v>
      </c>
      <c r="E1370" s="10">
        <v>28.201250000000002</v>
      </c>
      <c r="F1370" s="10">
        <v>26.359749999999998</v>
      </c>
      <c r="G1370" s="10">
        <v>26.544250000000002</v>
      </c>
    </row>
    <row r="1371" spans="1:7" x14ac:dyDescent="0.25">
      <c r="A1371" s="10">
        <v>619</v>
      </c>
      <c r="B1371" s="10">
        <v>29.193750000000001</v>
      </c>
      <c r="C1371" s="10">
        <v>28.696249999999999</v>
      </c>
      <c r="D1371" s="10">
        <v>27.818999999999999</v>
      </c>
      <c r="E1371" s="10">
        <v>28.189499999999999</v>
      </c>
      <c r="F1371" s="10">
        <v>26.379750000000001</v>
      </c>
      <c r="G1371" s="10">
        <v>26.521999999999998</v>
      </c>
    </row>
    <row r="1372" spans="1:7" x14ac:dyDescent="0.25">
      <c r="A1372" s="10">
        <v>619.5</v>
      </c>
      <c r="B1372" s="10">
        <v>29.202500000000001</v>
      </c>
      <c r="C1372" s="10">
        <v>28.6615</v>
      </c>
      <c r="D1372" s="10">
        <v>27.837250000000001</v>
      </c>
      <c r="E1372" s="10">
        <v>28.17925</v>
      </c>
      <c r="F1372" s="10">
        <v>26.334250000000001</v>
      </c>
      <c r="G1372" s="10">
        <v>26.515750000000001</v>
      </c>
    </row>
    <row r="1373" spans="1:7" x14ac:dyDescent="0.25">
      <c r="A1373" s="10">
        <v>620</v>
      </c>
      <c r="B1373" s="10">
        <v>29.137499999999999</v>
      </c>
      <c r="C1373" s="10">
        <v>28.672000000000001</v>
      </c>
      <c r="D1373" s="10">
        <v>27.784749999999999</v>
      </c>
      <c r="E1373" s="10">
        <v>28.190249999999999</v>
      </c>
      <c r="F1373" s="10">
        <v>26.32525</v>
      </c>
      <c r="G1373" s="10">
        <v>26.510999999999999</v>
      </c>
    </row>
    <row r="1374" spans="1:7" x14ac:dyDescent="0.25">
      <c r="A1374" s="10">
        <v>620.5</v>
      </c>
      <c r="B1374" s="10">
        <v>29.164750000000002</v>
      </c>
      <c r="C1374" s="10">
        <v>28.65175</v>
      </c>
      <c r="D1374" s="10">
        <v>27.80275</v>
      </c>
      <c r="E1374" s="10">
        <v>28.170500000000001</v>
      </c>
      <c r="F1374" s="10">
        <v>26.326750000000001</v>
      </c>
      <c r="G1374" s="10">
        <v>26.51125</v>
      </c>
    </row>
    <row r="1375" spans="1:7" x14ac:dyDescent="0.25">
      <c r="A1375" s="10">
        <v>621</v>
      </c>
      <c r="B1375" s="10">
        <v>29.1465</v>
      </c>
      <c r="C1375" s="10">
        <v>28.661999999999999</v>
      </c>
      <c r="D1375" s="10">
        <v>27.754750000000001</v>
      </c>
      <c r="E1375" s="10">
        <v>28.143750000000001</v>
      </c>
      <c r="F1375" s="10">
        <v>26.315750000000001</v>
      </c>
      <c r="G1375" s="10">
        <v>26.515999999999998</v>
      </c>
    </row>
    <row r="1376" spans="1:7" x14ac:dyDescent="0.25">
      <c r="A1376" s="10">
        <v>621.5</v>
      </c>
      <c r="B1376" s="10">
        <v>29.12875</v>
      </c>
      <c r="C1376" s="10">
        <v>28.640750000000001</v>
      </c>
      <c r="D1376" s="10">
        <v>27.778749999999999</v>
      </c>
      <c r="E1376" s="10">
        <v>28.145</v>
      </c>
      <c r="F1376" s="10">
        <v>26.276499999999999</v>
      </c>
      <c r="G1376" s="10">
        <v>26.492999999999999</v>
      </c>
    </row>
    <row r="1377" spans="1:7" x14ac:dyDescent="0.25">
      <c r="A1377" s="10">
        <v>622</v>
      </c>
      <c r="B1377" s="10">
        <v>29.148499999999999</v>
      </c>
      <c r="C1377" s="10">
        <v>28.6205</v>
      </c>
      <c r="D1377" s="10">
        <v>27.74325</v>
      </c>
      <c r="E1377" s="10">
        <v>28.1585</v>
      </c>
      <c r="F1377" s="10">
        <v>26.291</v>
      </c>
      <c r="G1377" s="10">
        <v>26.46875</v>
      </c>
    </row>
    <row r="1378" spans="1:7" x14ac:dyDescent="0.25">
      <c r="A1378" s="10">
        <v>622.5</v>
      </c>
      <c r="B1378" s="10">
        <v>29.107749999999999</v>
      </c>
      <c r="C1378" s="10">
        <v>28.61675</v>
      </c>
      <c r="D1378" s="10">
        <v>27.750250000000001</v>
      </c>
      <c r="E1378" s="10">
        <v>28.158000000000001</v>
      </c>
      <c r="F1378" s="10">
        <v>26.29</v>
      </c>
      <c r="G1378" s="10">
        <v>26.46875</v>
      </c>
    </row>
    <row r="1379" spans="1:7" x14ac:dyDescent="0.25">
      <c r="A1379" s="10">
        <v>623</v>
      </c>
      <c r="B1379" s="10">
        <v>29.104749999999999</v>
      </c>
      <c r="C1379" s="10">
        <v>28.596250000000001</v>
      </c>
      <c r="D1379" s="10">
        <v>27.735499999999998</v>
      </c>
      <c r="E1379" s="10">
        <v>28.125</v>
      </c>
      <c r="F1379" s="10">
        <v>26.275749999999999</v>
      </c>
      <c r="G1379" s="10">
        <v>26.4495</v>
      </c>
    </row>
    <row r="1380" spans="1:7" x14ac:dyDescent="0.25">
      <c r="A1380" s="10">
        <v>623.5</v>
      </c>
      <c r="B1380" s="10">
        <v>29.078749999999999</v>
      </c>
      <c r="C1380" s="10">
        <v>28.573499999999999</v>
      </c>
      <c r="D1380" s="10">
        <v>27.730499999999999</v>
      </c>
      <c r="E1380" s="10">
        <v>28.093250000000001</v>
      </c>
      <c r="F1380" s="10">
        <v>26.27975</v>
      </c>
      <c r="G1380" s="10">
        <v>26.457750000000001</v>
      </c>
    </row>
    <row r="1381" spans="1:7" x14ac:dyDescent="0.25">
      <c r="A1381" s="10">
        <v>624</v>
      </c>
      <c r="B1381" s="10">
        <v>29.059249999999999</v>
      </c>
      <c r="C1381" s="10">
        <v>28.58175</v>
      </c>
      <c r="D1381" s="10">
        <v>27.693750000000001</v>
      </c>
      <c r="E1381" s="10">
        <v>28.091249999999999</v>
      </c>
      <c r="F1381" s="10">
        <v>26.25</v>
      </c>
      <c r="G1381" s="10">
        <v>26.452750000000002</v>
      </c>
    </row>
    <row r="1382" spans="1:7" x14ac:dyDescent="0.25">
      <c r="A1382" s="10">
        <v>624.5</v>
      </c>
      <c r="B1382" s="10">
        <v>29.03575</v>
      </c>
      <c r="C1382" s="10">
        <v>28.579249999999998</v>
      </c>
      <c r="D1382" s="10">
        <v>27.711500000000001</v>
      </c>
      <c r="E1382" s="10">
        <v>28.084</v>
      </c>
      <c r="F1382" s="10">
        <v>26.244</v>
      </c>
      <c r="G1382" s="10">
        <v>26.432500000000001</v>
      </c>
    </row>
    <row r="1383" spans="1:7" x14ac:dyDescent="0.25">
      <c r="A1383" s="10">
        <v>625</v>
      </c>
      <c r="B1383" s="10">
        <v>29.056249999999999</v>
      </c>
      <c r="C1383" s="10">
        <v>28.549250000000001</v>
      </c>
      <c r="D1383" s="10">
        <v>27.702000000000002</v>
      </c>
      <c r="E1383" s="10">
        <v>28.105499999999999</v>
      </c>
      <c r="F1383" s="10">
        <v>26.222750000000001</v>
      </c>
      <c r="G1383" s="10">
        <v>26.422499999999999</v>
      </c>
    </row>
    <row r="1384" spans="1:7" x14ac:dyDescent="0.25">
      <c r="A1384" s="10">
        <v>625.5</v>
      </c>
      <c r="B1384" s="10">
        <v>29.032250000000001</v>
      </c>
      <c r="C1384" s="10">
        <v>28.551500000000001</v>
      </c>
      <c r="D1384" s="10">
        <v>27.694500000000001</v>
      </c>
      <c r="E1384" s="10">
        <v>28.068249999999999</v>
      </c>
      <c r="F1384" s="10">
        <v>26.243749999999999</v>
      </c>
      <c r="G1384" s="10">
        <v>26.4315</v>
      </c>
    </row>
    <row r="1385" spans="1:7" x14ac:dyDescent="0.25">
      <c r="A1385" s="10">
        <v>626</v>
      </c>
      <c r="B1385" s="10">
        <v>29.027249999999999</v>
      </c>
      <c r="C1385" s="10">
        <v>28.539249999999999</v>
      </c>
      <c r="D1385" s="10">
        <v>27.672249999999998</v>
      </c>
      <c r="E1385" s="10">
        <v>28.057749999999999</v>
      </c>
      <c r="F1385" s="10">
        <v>26.228249999999999</v>
      </c>
      <c r="G1385" s="10">
        <v>26.4</v>
      </c>
    </row>
    <row r="1386" spans="1:7" x14ac:dyDescent="0.25">
      <c r="A1386" s="10">
        <v>626.5</v>
      </c>
      <c r="B1386" s="10">
        <v>29.041499999999999</v>
      </c>
      <c r="C1386" s="10">
        <v>28.510999999999999</v>
      </c>
      <c r="D1386" s="10">
        <v>27.662749999999999</v>
      </c>
      <c r="E1386" s="10">
        <v>28.036750000000001</v>
      </c>
      <c r="F1386" s="10">
        <v>26.225750000000001</v>
      </c>
      <c r="G1386" s="10">
        <v>26.397749999999998</v>
      </c>
    </row>
    <row r="1387" spans="1:7" x14ac:dyDescent="0.25">
      <c r="A1387" s="10">
        <v>627</v>
      </c>
      <c r="B1387" s="10">
        <v>29.015750000000001</v>
      </c>
      <c r="C1387" s="10">
        <v>28.503499999999999</v>
      </c>
      <c r="D1387" s="10">
        <v>27.657</v>
      </c>
      <c r="E1387" s="10">
        <v>28.053750000000001</v>
      </c>
      <c r="F1387" s="10">
        <v>26.204999999999998</v>
      </c>
      <c r="G1387" s="10">
        <v>26.400749999999999</v>
      </c>
    </row>
    <row r="1388" spans="1:7" x14ac:dyDescent="0.25">
      <c r="A1388" s="10">
        <v>627.5</v>
      </c>
      <c r="B1388" s="10">
        <v>28.981750000000002</v>
      </c>
      <c r="C1388" s="10">
        <v>28.494</v>
      </c>
      <c r="D1388" s="10">
        <v>27.646249999999998</v>
      </c>
      <c r="E1388" s="10">
        <v>28.039249999999999</v>
      </c>
      <c r="F1388" s="10">
        <v>26.18225</v>
      </c>
      <c r="G1388" s="10">
        <v>26.38625</v>
      </c>
    </row>
    <row r="1389" spans="1:7" x14ac:dyDescent="0.25">
      <c r="A1389" s="10">
        <v>628</v>
      </c>
      <c r="B1389" s="10">
        <v>28.963000000000001</v>
      </c>
      <c r="C1389" s="10">
        <v>28.480250000000002</v>
      </c>
      <c r="D1389" s="10">
        <v>27.638249999999999</v>
      </c>
      <c r="E1389" s="10">
        <v>28.016749999999998</v>
      </c>
      <c r="F1389" s="10">
        <v>26.173500000000001</v>
      </c>
      <c r="G1389" s="10">
        <v>26.377500000000001</v>
      </c>
    </row>
    <row r="1390" spans="1:7" x14ac:dyDescent="0.25">
      <c r="A1390" s="10">
        <v>628.5</v>
      </c>
      <c r="B1390" s="10">
        <v>28.96125</v>
      </c>
      <c r="C1390" s="10">
        <v>28.452750000000002</v>
      </c>
      <c r="D1390" s="10">
        <v>27.62425</v>
      </c>
      <c r="E1390" s="10">
        <v>28.002749999999999</v>
      </c>
      <c r="F1390" s="10">
        <v>26.172249999999998</v>
      </c>
      <c r="G1390" s="10">
        <v>26.378499999999999</v>
      </c>
    </row>
    <row r="1391" spans="1:7" x14ac:dyDescent="0.25">
      <c r="A1391" s="10">
        <v>629</v>
      </c>
      <c r="B1391" s="10">
        <v>28.953749999999999</v>
      </c>
      <c r="C1391" s="10">
        <v>28.470749999999999</v>
      </c>
      <c r="D1391" s="10">
        <v>27.610250000000001</v>
      </c>
      <c r="E1391" s="10">
        <v>28.00675</v>
      </c>
      <c r="F1391" s="10">
        <v>26.188749999999999</v>
      </c>
      <c r="G1391" s="10">
        <v>26.361750000000001</v>
      </c>
    </row>
    <row r="1392" spans="1:7" x14ac:dyDescent="0.25">
      <c r="A1392" s="10">
        <v>629.5</v>
      </c>
      <c r="B1392" s="10">
        <v>28.921500000000002</v>
      </c>
      <c r="C1392" s="10">
        <v>28.445</v>
      </c>
      <c r="D1392" s="10">
        <v>27.610499999999998</v>
      </c>
      <c r="E1392" s="10">
        <v>27.987749999999998</v>
      </c>
      <c r="F1392" s="10">
        <v>26.148250000000001</v>
      </c>
      <c r="G1392" s="10">
        <v>26.360749999999999</v>
      </c>
    </row>
    <row r="1393" spans="1:7" x14ac:dyDescent="0.25">
      <c r="A1393" s="10">
        <v>630</v>
      </c>
      <c r="B1393" s="10">
        <v>28.920249999999999</v>
      </c>
      <c r="C1393" s="10">
        <v>28.425999999999998</v>
      </c>
      <c r="D1393" s="10">
        <v>27.60575</v>
      </c>
      <c r="E1393" s="10">
        <v>27.968</v>
      </c>
      <c r="F1393" s="10">
        <v>26.14575</v>
      </c>
      <c r="G1393" s="10">
        <v>26.358499999999999</v>
      </c>
    </row>
    <row r="1394" spans="1:7" x14ac:dyDescent="0.25">
      <c r="A1394" s="10">
        <v>630.5</v>
      </c>
      <c r="B1394" s="10">
        <v>28.93375</v>
      </c>
      <c r="C1394" s="10">
        <v>28.434000000000001</v>
      </c>
      <c r="D1394" s="10">
        <v>27.58175</v>
      </c>
      <c r="E1394" s="10">
        <v>27.99</v>
      </c>
      <c r="F1394" s="10">
        <v>26.14425</v>
      </c>
      <c r="G1394" s="10">
        <v>26.37</v>
      </c>
    </row>
    <row r="1395" spans="1:7" x14ac:dyDescent="0.25">
      <c r="A1395" s="10">
        <v>631</v>
      </c>
      <c r="B1395" s="10">
        <v>28.902999999999999</v>
      </c>
      <c r="C1395" s="10">
        <v>28.399750000000001</v>
      </c>
      <c r="D1395" s="10">
        <v>27.576499999999999</v>
      </c>
      <c r="E1395" s="10">
        <v>27.970749999999999</v>
      </c>
      <c r="F1395" s="10">
        <v>26.139749999999999</v>
      </c>
      <c r="G1395" s="10">
        <v>26.366</v>
      </c>
    </row>
    <row r="1396" spans="1:7" x14ac:dyDescent="0.25">
      <c r="A1396" s="10">
        <v>631.5</v>
      </c>
      <c r="B1396" s="10">
        <v>28.876249999999999</v>
      </c>
      <c r="C1396" s="10">
        <v>28.392749999999999</v>
      </c>
      <c r="D1396" s="10">
        <v>27.573</v>
      </c>
      <c r="E1396" s="10">
        <v>27.945499999999999</v>
      </c>
      <c r="F1396" s="10">
        <v>26.135249999999999</v>
      </c>
      <c r="G1396" s="10">
        <v>26.31475</v>
      </c>
    </row>
    <row r="1397" spans="1:7" x14ac:dyDescent="0.25">
      <c r="A1397" s="10">
        <v>632</v>
      </c>
      <c r="B1397" s="10">
        <v>28.870999999999999</v>
      </c>
      <c r="C1397" s="10">
        <v>28.388249999999999</v>
      </c>
      <c r="D1397" s="10">
        <v>27.537749999999999</v>
      </c>
      <c r="E1397" s="10">
        <v>27.95025</v>
      </c>
      <c r="F1397" s="10">
        <v>26.12</v>
      </c>
      <c r="G1397" s="10">
        <v>26.318750000000001</v>
      </c>
    </row>
    <row r="1398" spans="1:7" x14ac:dyDescent="0.25">
      <c r="A1398" s="10">
        <v>632.5</v>
      </c>
      <c r="B1398" s="10">
        <v>28.844999999999999</v>
      </c>
      <c r="C1398" s="10">
        <v>28.342749999999999</v>
      </c>
      <c r="D1398" s="10">
        <v>27.545999999999999</v>
      </c>
      <c r="E1398" s="10">
        <v>27.952249999999999</v>
      </c>
      <c r="F1398" s="10">
        <v>26.117000000000001</v>
      </c>
      <c r="G1398" s="10">
        <v>26.312750000000001</v>
      </c>
    </row>
    <row r="1399" spans="1:7" x14ac:dyDescent="0.25">
      <c r="A1399" s="10">
        <v>633</v>
      </c>
      <c r="B1399" s="10">
        <v>28.847000000000001</v>
      </c>
      <c r="C1399" s="10">
        <v>28.38175</v>
      </c>
      <c r="D1399" s="10">
        <v>27.514749999999999</v>
      </c>
      <c r="E1399" s="10">
        <v>27.913</v>
      </c>
      <c r="F1399" s="10">
        <v>26.103249999999999</v>
      </c>
      <c r="G1399" s="10">
        <v>26.306000000000001</v>
      </c>
    </row>
    <row r="1400" spans="1:7" x14ac:dyDescent="0.25">
      <c r="A1400" s="10">
        <v>633.5</v>
      </c>
      <c r="B1400" s="10">
        <v>28.843</v>
      </c>
      <c r="C1400" s="10">
        <v>28.354749999999999</v>
      </c>
      <c r="D1400" s="10">
        <v>27.50825</v>
      </c>
      <c r="E1400" s="10">
        <v>27.91675</v>
      </c>
      <c r="F1400" s="10">
        <v>26.094000000000001</v>
      </c>
      <c r="G1400" s="10">
        <v>26.304749999999999</v>
      </c>
    </row>
    <row r="1401" spans="1:7" x14ac:dyDescent="0.25">
      <c r="A1401" s="10">
        <v>634</v>
      </c>
      <c r="B1401" s="10">
        <v>28.814250000000001</v>
      </c>
      <c r="C1401" s="10">
        <v>28.357749999999999</v>
      </c>
      <c r="D1401" s="10">
        <v>27.497</v>
      </c>
      <c r="E1401" s="10">
        <v>27.914249999999999</v>
      </c>
      <c r="F1401" s="10">
        <v>26.087250000000001</v>
      </c>
      <c r="G1401" s="10">
        <v>26.318249999999999</v>
      </c>
    </row>
    <row r="1402" spans="1:7" x14ac:dyDescent="0.25">
      <c r="A1402" s="10">
        <v>634.5</v>
      </c>
      <c r="B1402" s="10">
        <v>28.809750000000001</v>
      </c>
      <c r="C1402" s="10">
        <v>28.336500000000001</v>
      </c>
      <c r="D1402" s="10">
        <v>27.4815</v>
      </c>
      <c r="E1402" s="10">
        <v>27.914750000000002</v>
      </c>
      <c r="F1402" s="10">
        <v>26.08925</v>
      </c>
      <c r="G1402" s="10">
        <v>26.310500000000001</v>
      </c>
    </row>
    <row r="1403" spans="1:7" x14ac:dyDescent="0.25">
      <c r="A1403" s="10">
        <v>635</v>
      </c>
      <c r="B1403" s="10">
        <v>28.78425</v>
      </c>
      <c r="C1403" s="10">
        <v>28.34075</v>
      </c>
      <c r="D1403" s="10">
        <v>27.486249999999998</v>
      </c>
      <c r="E1403" s="10">
        <v>27.88175</v>
      </c>
      <c r="F1403" s="10">
        <v>26.074999999999999</v>
      </c>
      <c r="G1403" s="10">
        <v>26.282250000000001</v>
      </c>
    </row>
    <row r="1404" spans="1:7" x14ac:dyDescent="0.25">
      <c r="A1404" s="10">
        <v>635.5</v>
      </c>
      <c r="B1404" s="10">
        <v>28.788250000000001</v>
      </c>
      <c r="C1404" s="10">
        <v>28.328499999999998</v>
      </c>
      <c r="D1404" s="10">
        <v>27.459</v>
      </c>
      <c r="E1404" s="10">
        <v>27.887250000000002</v>
      </c>
      <c r="F1404" s="10">
        <v>26.0745</v>
      </c>
      <c r="G1404" s="10">
        <v>26.28575</v>
      </c>
    </row>
    <row r="1405" spans="1:7" x14ac:dyDescent="0.25">
      <c r="A1405" s="10">
        <v>636</v>
      </c>
      <c r="B1405" s="10">
        <v>28.763999999999999</v>
      </c>
      <c r="C1405" s="10">
        <v>28.296749999999999</v>
      </c>
      <c r="D1405" s="10">
        <v>27.47475</v>
      </c>
      <c r="E1405" s="10">
        <v>27.873000000000001</v>
      </c>
      <c r="F1405" s="10">
        <v>26.068000000000001</v>
      </c>
      <c r="G1405" s="10">
        <v>26.27375</v>
      </c>
    </row>
    <row r="1406" spans="1:7" x14ac:dyDescent="0.25">
      <c r="A1406" s="10">
        <v>636.5</v>
      </c>
      <c r="B1406" s="10">
        <v>28.770250000000001</v>
      </c>
      <c r="C1406" s="10">
        <v>28.305</v>
      </c>
      <c r="D1406" s="10">
        <v>27.477</v>
      </c>
      <c r="E1406" s="10">
        <v>27.856750000000002</v>
      </c>
      <c r="F1406" s="10">
        <v>26.045249999999999</v>
      </c>
      <c r="G1406" s="10">
        <v>26.27975</v>
      </c>
    </row>
    <row r="1407" spans="1:7" x14ac:dyDescent="0.25">
      <c r="A1407" s="10">
        <v>637</v>
      </c>
      <c r="B1407" s="10">
        <v>28.74325</v>
      </c>
      <c r="C1407" s="10">
        <v>28.292999999999999</v>
      </c>
      <c r="D1407" s="10">
        <v>27.454499999999999</v>
      </c>
      <c r="E1407" s="10">
        <v>27.853750000000002</v>
      </c>
      <c r="F1407" s="10">
        <v>26.043749999999999</v>
      </c>
      <c r="G1407" s="10">
        <v>26.259499999999999</v>
      </c>
    </row>
    <row r="1408" spans="1:7" x14ac:dyDescent="0.25">
      <c r="A1408" s="10">
        <v>637.5</v>
      </c>
      <c r="B1408" s="10">
        <v>28.744499999999999</v>
      </c>
      <c r="C1408" s="10">
        <v>28.280999999999999</v>
      </c>
      <c r="D1408" s="10">
        <v>27.43525</v>
      </c>
      <c r="E1408" s="10">
        <v>27.860499999999998</v>
      </c>
      <c r="F1408" s="10">
        <v>26.029250000000001</v>
      </c>
      <c r="G1408" s="10">
        <v>26.25225</v>
      </c>
    </row>
    <row r="1409" spans="1:7" x14ac:dyDescent="0.25">
      <c r="A1409" s="10">
        <v>638</v>
      </c>
      <c r="B1409" s="10">
        <v>28.722249999999999</v>
      </c>
      <c r="C1409" s="10">
        <v>28.24625</v>
      </c>
      <c r="D1409" s="10">
        <v>27.431000000000001</v>
      </c>
      <c r="E1409" s="10">
        <v>27.824249999999999</v>
      </c>
      <c r="F1409" s="10">
        <v>26.00225</v>
      </c>
      <c r="G1409" s="10">
        <v>26.240500000000001</v>
      </c>
    </row>
    <row r="1410" spans="1:7" x14ac:dyDescent="0.25">
      <c r="A1410" s="10">
        <v>638.5</v>
      </c>
      <c r="B1410" s="10">
        <v>28.7075</v>
      </c>
      <c r="C1410" s="10">
        <v>28.24175</v>
      </c>
      <c r="D1410" s="10">
        <v>27.4145</v>
      </c>
      <c r="E1410" s="10">
        <v>27.843</v>
      </c>
      <c r="F1410" s="10">
        <v>26.003250000000001</v>
      </c>
      <c r="G1410" s="10">
        <v>26.239249999999998</v>
      </c>
    </row>
    <row r="1411" spans="1:7" x14ac:dyDescent="0.25">
      <c r="A1411" s="10">
        <v>639</v>
      </c>
      <c r="B1411" s="10">
        <v>28.69725</v>
      </c>
      <c r="C1411" s="10">
        <v>28.257750000000001</v>
      </c>
      <c r="D1411" s="10">
        <v>27.409500000000001</v>
      </c>
      <c r="E1411" s="10">
        <v>27.80275</v>
      </c>
      <c r="F1411" s="10">
        <v>26.010750000000002</v>
      </c>
      <c r="G1411" s="10">
        <v>26.213999999999999</v>
      </c>
    </row>
    <row r="1412" spans="1:7" x14ac:dyDescent="0.25">
      <c r="A1412" s="10">
        <v>639.5</v>
      </c>
      <c r="B1412" s="10">
        <v>28.701000000000001</v>
      </c>
      <c r="C1412" s="10">
        <v>28.2075</v>
      </c>
      <c r="D1412" s="10">
        <v>27.416250000000002</v>
      </c>
      <c r="E1412" s="10">
        <v>27.826250000000002</v>
      </c>
      <c r="F1412" s="10">
        <v>26.012499999999999</v>
      </c>
      <c r="G1412" s="10">
        <v>26.255749999999999</v>
      </c>
    </row>
    <row r="1413" spans="1:7" x14ac:dyDescent="0.25">
      <c r="A1413" s="10">
        <v>640</v>
      </c>
      <c r="B1413" s="10">
        <v>28.678249999999998</v>
      </c>
      <c r="C1413" s="10">
        <v>28.209499999999998</v>
      </c>
      <c r="D1413" s="10">
        <v>27.388999999999999</v>
      </c>
      <c r="E1413" s="10">
        <v>27.801749999999998</v>
      </c>
      <c r="F1413" s="10">
        <v>25.974</v>
      </c>
      <c r="G1413" s="10">
        <v>26.2195</v>
      </c>
    </row>
    <row r="1414" spans="1:7" x14ac:dyDescent="0.25">
      <c r="A1414" s="10">
        <v>640.5</v>
      </c>
      <c r="B1414" s="10">
        <v>28.692499999999999</v>
      </c>
      <c r="C1414" s="10">
        <v>28.209499999999998</v>
      </c>
      <c r="D1414" s="10">
        <v>27.359500000000001</v>
      </c>
      <c r="E1414" s="10">
        <v>27.830749999999998</v>
      </c>
      <c r="F1414" s="10">
        <v>25.985499999999998</v>
      </c>
      <c r="G1414" s="10">
        <v>26.199750000000002</v>
      </c>
    </row>
    <row r="1415" spans="1:7" x14ac:dyDescent="0.25">
      <c r="A1415" s="10">
        <v>641</v>
      </c>
      <c r="B1415" s="10">
        <v>28.666499999999999</v>
      </c>
      <c r="C1415" s="10">
        <v>28.208749999999998</v>
      </c>
      <c r="D1415" s="10">
        <v>27.342500000000001</v>
      </c>
      <c r="E1415" s="10">
        <v>27.801749999999998</v>
      </c>
      <c r="F1415" s="10">
        <v>25.973500000000001</v>
      </c>
      <c r="G1415" s="10">
        <v>26.189250000000001</v>
      </c>
    </row>
    <row r="1416" spans="1:7" x14ac:dyDescent="0.25">
      <c r="A1416" s="10">
        <v>641.5</v>
      </c>
      <c r="B1416" s="10">
        <v>28.633749999999999</v>
      </c>
      <c r="C1416" s="10">
        <v>28.19275</v>
      </c>
      <c r="D1416" s="10">
        <v>27.350750000000001</v>
      </c>
      <c r="E1416" s="10">
        <v>27.796500000000002</v>
      </c>
      <c r="F1416" s="10">
        <v>25.968</v>
      </c>
      <c r="G1416" s="10">
        <v>26.2225</v>
      </c>
    </row>
    <row r="1417" spans="1:7" x14ac:dyDescent="0.25">
      <c r="A1417" s="10">
        <v>642</v>
      </c>
      <c r="B1417" s="10">
        <v>28.634499999999999</v>
      </c>
      <c r="C1417" s="10">
        <v>28.189250000000001</v>
      </c>
      <c r="D1417" s="10">
        <v>27.358250000000002</v>
      </c>
      <c r="E1417" s="10">
        <v>27.763249999999999</v>
      </c>
      <c r="F1417" s="10">
        <v>25.9665</v>
      </c>
      <c r="G1417" s="10">
        <v>26.182500000000001</v>
      </c>
    </row>
    <row r="1418" spans="1:7" x14ac:dyDescent="0.25">
      <c r="A1418" s="10">
        <v>642.5</v>
      </c>
      <c r="B1418" s="10">
        <v>28.626750000000001</v>
      </c>
      <c r="C1418" s="10">
        <v>28.16</v>
      </c>
      <c r="D1418" s="10">
        <v>27.332999999999998</v>
      </c>
      <c r="E1418" s="10">
        <v>27.75825</v>
      </c>
      <c r="F1418" s="10">
        <v>25.969000000000001</v>
      </c>
      <c r="G1418" s="10">
        <v>26.18225</v>
      </c>
    </row>
    <row r="1419" spans="1:7" x14ac:dyDescent="0.25">
      <c r="A1419" s="10">
        <v>643</v>
      </c>
      <c r="B1419" s="10">
        <v>28.634</v>
      </c>
      <c r="C1419" s="10">
        <v>28.142250000000001</v>
      </c>
      <c r="D1419" s="10">
        <v>27.321750000000002</v>
      </c>
      <c r="E1419" s="10">
        <v>27.757000000000001</v>
      </c>
      <c r="F1419" s="10">
        <v>25.945250000000001</v>
      </c>
      <c r="G1419" s="10">
        <v>26.187999999999999</v>
      </c>
    </row>
    <row r="1420" spans="1:7" x14ac:dyDescent="0.25">
      <c r="A1420" s="10">
        <v>643.5</v>
      </c>
      <c r="B1420" s="10">
        <v>28.607250000000001</v>
      </c>
      <c r="C1420" s="10">
        <v>28.140250000000002</v>
      </c>
      <c r="D1420" s="10">
        <v>27.335249999999998</v>
      </c>
      <c r="E1420" s="10">
        <v>27.74175</v>
      </c>
      <c r="F1420" s="10">
        <v>25.930499999999999</v>
      </c>
      <c r="G1420" s="10">
        <v>26.139250000000001</v>
      </c>
    </row>
    <row r="1421" spans="1:7" x14ac:dyDescent="0.25">
      <c r="A1421" s="10">
        <v>644</v>
      </c>
      <c r="B1421" s="10">
        <v>28.6065</v>
      </c>
      <c r="C1421" s="10">
        <v>28.140750000000001</v>
      </c>
      <c r="D1421" s="10">
        <v>27.327750000000002</v>
      </c>
      <c r="E1421" s="10">
        <v>27.731750000000002</v>
      </c>
      <c r="F1421" s="10">
        <v>25.9375</v>
      </c>
      <c r="G1421" s="10">
        <v>26.164999999999999</v>
      </c>
    </row>
    <row r="1422" spans="1:7" x14ac:dyDescent="0.25">
      <c r="A1422" s="10">
        <v>644.5</v>
      </c>
      <c r="B1422" s="10">
        <v>28.588750000000001</v>
      </c>
      <c r="C1422" s="10">
        <v>28.114000000000001</v>
      </c>
      <c r="D1422" s="10">
        <v>27.282499999999999</v>
      </c>
      <c r="E1422" s="10">
        <v>27.70825</v>
      </c>
      <c r="F1422" s="10">
        <v>25.9375</v>
      </c>
      <c r="G1422" s="10">
        <v>26.162500000000001</v>
      </c>
    </row>
    <row r="1423" spans="1:7" x14ac:dyDescent="0.25">
      <c r="A1423" s="10">
        <v>645</v>
      </c>
      <c r="B1423" s="10">
        <v>28.57225</v>
      </c>
      <c r="C1423" s="10">
        <v>28.107749999999999</v>
      </c>
      <c r="D1423" s="10">
        <v>27.293749999999999</v>
      </c>
      <c r="E1423" s="10">
        <v>27.716249999999999</v>
      </c>
      <c r="F1423" s="10">
        <v>25.908249999999999</v>
      </c>
      <c r="G1423" s="10">
        <v>26.141999999999999</v>
      </c>
    </row>
    <row r="1424" spans="1:7" x14ac:dyDescent="0.25">
      <c r="A1424" s="10">
        <v>645.5</v>
      </c>
      <c r="B1424" s="10">
        <v>28.556000000000001</v>
      </c>
      <c r="C1424" s="10">
        <v>28.074249999999999</v>
      </c>
      <c r="D1424" s="10">
        <v>27.292999999999999</v>
      </c>
      <c r="E1424" s="10">
        <v>27.699249999999999</v>
      </c>
      <c r="F1424" s="10">
        <v>25.905999999999999</v>
      </c>
      <c r="G1424" s="10">
        <v>26.14725</v>
      </c>
    </row>
    <row r="1425" spans="1:7" x14ac:dyDescent="0.25">
      <c r="A1425" s="10">
        <v>646</v>
      </c>
      <c r="B1425" s="10">
        <v>28.52525</v>
      </c>
      <c r="C1425" s="10">
        <v>28.094000000000001</v>
      </c>
      <c r="D1425" s="10">
        <v>27.283999999999999</v>
      </c>
      <c r="E1425" s="10">
        <v>27.708749999999998</v>
      </c>
      <c r="F1425" s="10">
        <v>25.911750000000001</v>
      </c>
      <c r="G1425" s="10">
        <v>26.13</v>
      </c>
    </row>
    <row r="1426" spans="1:7" x14ac:dyDescent="0.25">
      <c r="A1426" s="10">
        <v>646.5</v>
      </c>
      <c r="B1426" s="10">
        <v>28.53725</v>
      </c>
      <c r="C1426" s="10">
        <v>28.077500000000001</v>
      </c>
      <c r="D1426" s="10">
        <v>27.2605</v>
      </c>
      <c r="E1426" s="10">
        <v>27.672999999999998</v>
      </c>
      <c r="F1426" s="10">
        <v>25.894749999999998</v>
      </c>
      <c r="G1426" s="10">
        <v>26.14875</v>
      </c>
    </row>
    <row r="1427" spans="1:7" x14ac:dyDescent="0.25">
      <c r="A1427" s="10">
        <v>647</v>
      </c>
      <c r="B1427" s="10">
        <v>28.510750000000002</v>
      </c>
      <c r="C1427" s="10">
        <v>28.071249999999999</v>
      </c>
      <c r="D1427" s="10">
        <v>27.268000000000001</v>
      </c>
      <c r="E1427" s="10">
        <v>27.670249999999999</v>
      </c>
      <c r="F1427" s="10">
        <v>25.873249999999999</v>
      </c>
      <c r="G1427" s="10">
        <v>26.101749999999999</v>
      </c>
    </row>
    <row r="1428" spans="1:7" x14ac:dyDescent="0.25">
      <c r="A1428" s="10">
        <v>647.5</v>
      </c>
      <c r="B1428" s="10">
        <v>28.484999999999999</v>
      </c>
      <c r="C1428" s="10">
        <v>28.04025</v>
      </c>
      <c r="D1428" s="10">
        <v>27.242000000000001</v>
      </c>
      <c r="E1428" s="10">
        <v>27.662749999999999</v>
      </c>
      <c r="F1428" s="10">
        <v>25.869</v>
      </c>
      <c r="G1428" s="10">
        <v>26.111000000000001</v>
      </c>
    </row>
    <row r="1429" spans="1:7" x14ac:dyDescent="0.25">
      <c r="A1429" s="10">
        <v>648</v>
      </c>
      <c r="B1429" s="10">
        <v>28.5185</v>
      </c>
      <c r="C1429" s="10">
        <v>28.06775</v>
      </c>
      <c r="D1429" s="10">
        <v>27.25</v>
      </c>
      <c r="E1429" s="10">
        <v>27.644500000000001</v>
      </c>
      <c r="F1429" s="10">
        <v>25.876750000000001</v>
      </c>
      <c r="G1429" s="10">
        <v>26.114999999999998</v>
      </c>
    </row>
    <row r="1430" spans="1:7" x14ac:dyDescent="0.25">
      <c r="A1430" s="10">
        <v>648.5</v>
      </c>
      <c r="B1430" s="10">
        <v>28.47175</v>
      </c>
      <c r="C1430" s="10">
        <v>28.044750000000001</v>
      </c>
      <c r="D1430" s="10">
        <v>27.21575</v>
      </c>
      <c r="E1430" s="10">
        <v>27.649249999999999</v>
      </c>
      <c r="F1430" s="10">
        <v>25.83625</v>
      </c>
      <c r="G1430" s="10">
        <v>26.104749999999999</v>
      </c>
    </row>
    <row r="1431" spans="1:7" x14ac:dyDescent="0.25">
      <c r="A1431" s="10">
        <v>649</v>
      </c>
      <c r="B1431" s="10">
        <v>28.473749999999999</v>
      </c>
      <c r="C1431" s="10">
        <v>28.030249999999999</v>
      </c>
      <c r="D1431" s="10">
        <v>27.215250000000001</v>
      </c>
      <c r="E1431" s="10">
        <v>27.65175</v>
      </c>
      <c r="F1431" s="10">
        <v>25.856999999999999</v>
      </c>
      <c r="G1431" s="10">
        <v>26.09075</v>
      </c>
    </row>
    <row r="1432" spans="1:7" x14ac:dyDescent="0.25">
      <c r="A1432" s="10">
        <v>649.5</v>
      </c>
      <c r="B1432" s="10">
        <v>28.457249999999998</v>
      </c>
      <c r="C1432" s="10">
        <v>28.038499999999999</v>
      </c>
      <c r="D1432" s="10">
        <v>27.21425</v>
      </c>
      <c r="E1432" s="10">
        <v>27.61225</v>
      </c>
      <c r="F1432" s="10">
        <v>25.86225</v>
      </c>
      <c r="G1432" s="10">
        <v>26.075749999999999</v>
      </c>
    </row>
    <row r="1433" spans="1:7" x14ac:dyDescent="0.25">
      <c r="A1433" s="10">
        <v>650</v>
      </c>
      <c r="B1433" s="10">
        <v>28.458500000000001</v>
      </c>
      <c r="C1433" s="10">
        <v>27.997499999999999</v>
      </c>
      <c r="D1433" s="10">
        <v>27.204750000000001</v>
      </c>
      <c r="E1433" s="10">
        <v>27.629249999999999</v>
      </c>
      <c r="F1433" s="10">
        <v>25.8185</v>
      </c>
      <c r="G1433" s="10">
        <v>26.085249999999998</v>
      </c>
    </row>
    <row r="1434" spans="1:7" x14ac:dyDescent="0.25">
      <c r="A1434" s="10">
        <v>650.5</v>
      </c>
      <c r="B1434" s="10">
        <v>28.440999999999999</v>
      </c>
      <c r="C1434" s="10">
        <v>27.998750000000001</v>
      </c>
      <c r="D1434" s="10">
        <v>27.186499999999999</v>
      </c>
      <c r="E1434" s="10">
        <v>27.619250000000001</v>
      </c>
      <c r="F1434" s="10">
        <v>25.813500000000001</v>
      </c>
      <c r="G1434" s="10">
        <v>26.074249999999999</v>
      </c>
    </row>
    <row r="1435" spans="1:7" x14ac:dyDescent="0.25">
      <c r="A1435" s="10">
        <v>651</v>
      </c>
      <c r="B1435" s="10">
        <v>28.425999999999998</v>
      </c>
      <c r="C1435" s="10">
        <v>27.992750000000001</v>
      </c>
      <c r="D1435" s="10">
        <v>27.155000000000001</v>
      </c>
      <c r="E1435" s="10">
        <v>27.63025</v>
      </c>
      <c r="F1435" s="10">
        <v>25.802</v>
      </c>
      <c r="G1435" s="10">
        <v>26.07375</v>
      </c>
    </row>
    <row r="1436" spans="1:7" x14ac:dyDescent="0.25">
      <c r="A1436" s="10">
        <v>651.5</v>
      </c>
      <c r="B1436" s="10">
        <v>28.431000000000001</v>
      </c>
      <c r="C1436" s="10">
        <v>27.9635</v>
      </c>
      <c r="D1436" s="10">
        <v>27.159500000000001</v>
      </c>
      <c r="E1436" s="10">
        <v>27.602250000000002</v>
      </c>
      <c r="F1436" s="10">
        <v>25.796749999999999</v>
      </c>
      <c r="G1436" s="10">
        <v>26.018750000000001</v>
      </c>
    </row>
    <row r="1437" spans="1:7" x14ac:dyDescent="0.25">
      <c r="A1437" s="10">
        <v>652</v>
      </c>
      <c r="B1437" s="10">
        <v>28.433</v>
      </c>
      <c r="C1437" s="10">
        <v>27.964749999999999</v>
      </c>
      <c r="D1437" s="10">
        <v>27.153749999999999</v>
      </c>
      <c r="E1437" s="10">
        <v>27.594999999999999</v>
      </c>
      <c r="F1437" s="10">
        <v>25.791</v>
      </c>
      <c r="G1437" s="10">
        <v>26.055250000000001</v>
      </c>
    </row>
    <row r="1438" spans="1:7" x14ac:dyDescent="0.25">
      <c r="A1438" s="10">
        <v>652.5</v>
      </c>
      <c r="B1438" s="10">
        <v>28.3935</v>
      </c>
      <c r="C1438" s="10">
        <v>27.952249999999999</v>
      </c>
      <c r="D1438" s="10">
        <v>27.146999999999998</v>
      </c>
      <c r="E1438" s="10">
        <v>27.588249999999999</v>
      </c>
      <c r="F1438" s="10">
        <v>25.785250000000001</v>
      </c>
      <c r="G1438" s="10">
        <v>26.063749999999999</v>
      </c>
    </row>
    <row r="1439" spans="1:7" x14ac:dyDescent="0.25">
      <c r="A1439" s="10">
        <v>653</v>
      </c>
      <c r="B1439" s="10">
        <v>28.410499999999999</v>
      </c>
      <c r="C1439" s="10">
        <v>27.946999999999999</v>
      </c>
      <c r="D1439" s="10">
        <v>27.13175</v>
      </c>
      <c r="E1439" s="10">
        <v>27.573499999999999</v>
      </c>
      <c r="F1439" s="10">
        <v>25.798749999999998</v>
      </c>
      <c r="G1439" s="10">
        <v>26.055</v>
      </c>
    </row>
    <row r="1440" spans="1:7" x14ac:dyDescent="0.25">
      <c r="A1440" s="10">
        <v>653.5</v>
      </c>
      <c r="B1440" s="10">
        <v>28.363</v>
      </c>
      <c r="C1440" s="10">
        <v>27.946750000000002</v>
      </c>
      <c r="D1440" s="10">
        <v>27.131250000000001</v>
      </c>
      <c r="E1440" s="10">
        <v>27.57525</v>
      </c>
      <c r="F1440" s="10">
        <v>25.790500000000002</v>
      </c>
      <c r="G1440" s="10">
        <v>26.016999999999999</v>
      </c>
    </row>
    <row r="1441" spans="1:7" x14ac:dyDescent="0.25">
      <c r="A1441" s="10">
        <v>654</v>
      </c>
      <c r="B1441" s="10">
        <v>28.363499999999998</v>
      </c>
      <c r="C1441" s="10">
        <v>27.917249999999999</v>
      </c>
      <c r="D1441" s="10">
        <v>27.1295</v>
      </c>
      <c r="E1441" s="10">
        <v>27.56325</v>
      </c>
      <c r="F1441" s="10">
        <v>25.745999999999999</v>
      </c>
      <c r="G1441" s="10">
        <v>26.030249999999999</v>
      </c>
    </row>
    <row r="1442" spans="1:7" x14ac:dyDescent="0.25">
      <c r="A1442" s="10">
        <v>654.5</v>
      </c>
      <c r="B1442" s="10">
        <v>28.364249999999998</v>
      </c>
      <c r="C1442" s="10">
        <v>27.9145</v>
      </c>
      <c r="D1442" s="10">
        <v>27.09525</v>
      </c>
      <c r="E1442" s="10">
        <v>27.554749999999999</v>
      </c>
      <c r="F1442" s="10">
        <v>25.750499999999999</v>
      </c>
      <c r="G1442" s="10">
        <v>26.015250000000002</v>
      </c>
    </row>
    <row r="1443" spans="1:7" x14ac:dyDescent="0.25">
      <c r="A1443" s="10">
        <v>655</v>
      </c>
      <c r="B1443" s="10">
        <v>28.334250000000001</v>
      </c>
      <c r="C1443" s="10">
        <v>27.931000000000001</v>
      </c>
      <c r="D1443" s="10">
        <v>27.117000000000001</v>
      </c>
      <c r="E1443" s="10">
        <v>27.53125</v>
      </c>
      <c r="F1443" s="10">
        <v>25.749749999999999</v>
      </c>
      <c r="G1443" s="10">
        <v>26.008749999999999</v>
      </c>
    </row>
    <row r="1444" spans="1:7" x14ac:dyDescent="0.25">
      <c r="A1444" s="10">
        <v>655.5</v>
      </c>
      <c r="B1444" s="10">
        <v>28.341000000000001</v>
      </c>
      <c r="C1444" s="10">
        <v>27.896249999999998</v>
      </c>
      <c r="D1444" s="10">
        <v>27.085750000000001</v>
      </c>
      <c r="E1444" s="10">
        <v>27.547750000000001</v>
      </c>
      <c r="F1444" s="10">
        <v>25.732749999999999</v>
      </c>
      <c r="G1444" s="10">
        <v>26.003</v>
      </c>
    </row>
    <row r="1445" spans="1:7" x14ac:dyDescent="0.25">
      <c r="A1445" s="10">
        <v>656</v>
      </c>
      <c r="B1445" s="10">
        <v>28.330249999999999</v>
      </c>
      <c r="C1445" s="10">
        <v>27.876249999999999</v>
      </c>
      <c r="D1445" s="10">
        <v>27.100750000000001</v>
      </c>
      <c r="E1445" s="10">
        <v>27.520250000000001</v>
      </c>
      <c r="F1445" s="10">
        <v>25.730499999999999</v>
      </c>
      <c r="G1445" s="10">
        <v>26.00825</v>
      </c>
    </row>
    <row r="1446" spans="1:7" x14ac:dyDescent="0.25">
      <c r="A1446" s="10">
        <v>656.5</v>
      </c>
      <c r="B1446" s="10">
        <v>28.313500000000001</v>
      </c>
      <c r="C1446" s="10">
        <v>27.86825</v>
      </c>
      <c r="D1446" s="10">
        <v>27.07075</v>
      </c>
      <c r="E1446" s="10">
        <v>27.500499999999999</v>
      </c>
      <c r="F1446" s="10">
        <v>25.706250000000001</v>
      </c>
      <c r="G1446" s="10">
        <v>26.013000000000002</v>
      </c>
    </row>
    <row r="1447" spans="1:7" x14ac:dyDescent="0.25">
      <c r="A1447" s="10">
        <v>657</v>
      </c>
      <c r="B1447" s="10">
        <v>28.3035</v>
      </c>
      <c r="C1447" s="10">
        <v>27.865749999999998</v>
      </c>
      <c r="D1447" s="10">
        <v>27.047499999999999</v>
      </c>
      <c r="E1447" s="10">
        <v>27.511500000000002</v>
      </c>
      <c r="F1447" s="10">
        <v>25.723500000000001</v>
      </c>
      <c r="G1447" s="10">
        <v>25.9725</v>
      </c>
    </row>
    <row r="1448" spans="1:7" x14ac:dyDescent="0.25">
      <c r="A1448" s="10">
        <v>657.5</v>
      </c>
      <c r="B1448" s="10">
        <v>28.295249999999999</v>
      </c>
      <c r="C1448" s="10">
        <v>27.860250000000001</v>
      </c>
      <c r="D1448" s="10">
        <v>27.0565</v>
      </c>
      <c r="E1448" s="10">
        <v>27.498249999999999</v>
      </c>
      <c r="F1448" s="10">
        <v>25.718</v>
      </c>
      <c r="G1448" s="10">
        <v>25.98075</v>
      </c>
    </row>
    <row r="1449" spans="1:7" x14ac:dyDescent="0.25">
      <c r="A1449" s="10">
        <v>658</v>
      </c>
      <c r="B1449" s="10">
        <v>28.282</v>
      </c>
      <c r="C1449" s="10">
        <v>27.825749999999999</v>
      </c>
      <c r="D1449" s="10">
        <v>27.05125</v>
      </c>
      <c r="E1449" s="10">
        <v>27.484249999999999</v>
      </c>
      <c r="F1449" s="10">
        <v>25.704999999999998</v>
      </c>
      <c r="G1449" s="10">
        <v>25.99475</v>
      </c>
    </row>
    <row r="1450" spans="1:7" x14ac:dyDescent="0.25">
      <c r="A1450" s="10">
        <v>658.5</v>
      </c>
      <c r="B1450" s="10">
        <v>28.28425</v>
      </c>
      <c r="C1450" s="10">
        <v>27.869499999999999</v>
      </c>
      <c r="D1450" s="10">
        <v>27.029250000000001</v>
      </c>
      <c r="E1450" s="10">
        <v>27.481999999999999</v>
      </c>
      <c r="F1450" s="10">
        <v>25.681750000000001</v>
      </c>
      <c r="G1450" s="10">
        <v>25.964749999999999</v>
      </c>
    </row>
    <row r="1451" spans="1:7" x14ac:dyDescent="0.25">
      <c r="A1451" s="10">
        <v>659</v>
      </c>
      <c r="B1451" s="10">
        <v>28.264749999999999</v>
      </c>
      <c r="C1451" s="10">
        <v>27.82075</v>
      </c>
      <c r="D1451" s="10">
        <v>27.022500000000001</v>
      </c>
      <c r="E1451" s="10">
        <v>27.46725</v>
      </c>
      <c r="F1451" s="10">
        <v>25.67775</v>
      </c>
      <c r="G1451" s="10">
        <v>25.981000000000002</v>
      </c>
    </row>
    <row r="1452" spans="1:7" x14ac:dyDescent="0.25">
      <c r="A1452" s="10">
        <v>659.5</v>
      </c>
      <c r="B1452" s="10">
        <v>28.260750000000002</v>
      </c>
      <c r="C1452" s="10">
        <v>27.786999999999999</v>
      </c>
      <c r="D1452" s="10">
        <v>27.007000000000001</v>
      </c>
      <c r="E1452" s="10">
        <v>27.444749999999999</v>
      </c>
      <c r="F1452" s="10">
        <v>25.670750000000002</v>
      </c>
      <c r="G1452" s="10">
        <v>25.942</v>
      </c>
    </row>
    <row r="1453" spans="1:7" x14ac:dyDescent="0.25">
      <c r="A1453" s="10">
        <v>660</v>
      </c>
      <c r="B1453" s="10">
        <v>28.242249999999999</v>
      </c>
      <c r="C1453" s="10">
        <v>27.795750000000002</v>
      </c>
      <c r="D1453" s="10">
        <v>27.00975</v>
      </c>
      <c r="E1453" s="10">
        <v>27.472750000000001</v>
      </c>
      <c r="F1453" s="10">
        <v>25.66825</v>
      </c>
      <c r="G1453" s="10">
        <v>25.943000000000001</v>
      </c>
    </row>
    <row r="1454" spans="1:7" x14ac:dyDescent="0.25">
      <c r="A1454" s="10">
        <v>660.5</v>
      </c>
      <c r="B1454" s="10">
        <v>28.233000000000001</v>
      </c>
      <c r="C1454" s="10">
        <v>27.773499999999999</v>
      </c>
      <c r="D1454" s="10">
        <v>26.988499999999998</v>
      </c>
      <c r="E1454" s="10">
        <v>27.43675</v>
      </c>
      <c r="F1454" s="10">
        <v>25.663499999999999</v>
      </c>
      <c r="G1454" s="10">
        <v>25.9285</v>
      </c>
    </row>
    <row r="1455" spans="1:7" x14ac:dyDescent="0.25">
      <c r="A1455" s="10">
        <v>661</v>
      </c>
      <c r="B1455" s="10">
        <v>28.212250000000001</v>
      </c>
      <c r="C1455" s="10">
        <v>27.79175</v>
      </c>
      <c r="D1455" s="10">
        <v>26.986000000000001</v>
      </c>
      <c r="E1455" s="10">
        <v>27.450500000000002</v>
      </c>
      <c r="F1455" s="10">
        <v>25.666499999999999</v>
      </c>
      <c r="G1455" s="10">
        <v>25.954750000000001</v>
      </c>
    </row>
    <row r="1456" spans="1:7" x14ac:dyDescent="0.25">
      <c r="A1456" s="10">
        <v>661.5</v>
      </c>
      <c r="B1456" s="10">
        <v>28.216999999999999</v>
      </c>
      <c r="C1456" s="10">
        <v>27.77225</v>
      </c>
      <c r="D1456" s="10">
        <v>26.966000000000001</v>
      </c>
      <c r="E1456" s="10">
        <v>27.40775</v>
      </c>
      <c r="F1456" s="10">
        <v>25.664999999999999</v>
      </c>
      <c r="G1456" s="10">
        <v>25.921500000000002</v>
      </c>
    </row>
    <row r="1457" spans="1:7" x14ac:dyDescent="0.25">
      <c r="A1457" s="10">
        <v>662</v>
      </c>
      <c r="B1457" s="10">
        <v>28.1845</v>
      </c>
      <c r="C1457" s="10">
        <v>27.74325</v>
      </c>
      <c r="D1457" s="10">
        <v>26.971499999999999</v>
      </c>
      <c r="E1457" s="10">
        <v>27.407</v>
      </c>
      <c r="F1457" s="10">
        <v>25.630749999999999</v>
      </c>
      <c r="G1457" s="10">
        <v>25.930250000000001</v>
      </c>
    </row>
    <row r="1458" spans="1:7" x14ac:dyDescent="0.25">
      <c r="A1458" s="10">
        <v>662.5</v>
      </c>
      <c r="B1458" s="10">
        <v>28.19275</v>
      </c>
      <c r="C1458" s="10">
        <v>27.738250000000001</v>
      </c>
      <c r="D1458" s="10">
        <v>26.942250000000001</v>
      </c>
      <c r="E1458" s="10">
        <v>27.415749999999999</v>
      </c>
      <c r="F1458" s="10">
        <v>25.638999999999999</v>
      </c>
      <c r="G1458" s="10">
        <v>25.896750000000001</v>
      </c>
    </row>
    <row r="1459" spans="1:7" x14ac:dyDescent="0.25">
      <c r="A1459" s="10">
        <v>663</v>
      </c>
      <c r="B1459" s="10">
        <v>28.172000000000001</v>
      </c>
      <c r="C1459" s="10">
        <v>27.7605</v>
      </c>
      <c r="D1459" s="10">
        <v>26.929500000000001</v>
      </c>
      <c r="E1459" s="10">
        <v>27.38025</v>
      </c>
      <c r="F1459" s="10">
        <v>25.641999999999999</v>
      </c>
      <c r="G1459" s="10">
        <v>25.918749999999999</v>
      </c>
    </row>
    <row r="1460" spans="1:7" x14ac:dyDescent="0.25">
      <c r="A1460" s="10">
        <v>663.5</v>
      </c>
      <c r="B1460" s="10">
        <v>28.172999999999998</v>
      </c>
      <c r="C1460" s="10">
        <v>27.719750000000001</v>
      </c>
      <c r="D1460" s="10">
        <v>26.943750000000001</v>
      </c>
      <c r="E1460" s="10">
        <v>27.417249999999999</v>
      </c>
      <c r="F1460" s="10">
        <v>25.606249999999999</v>
      </c>
      <c r="G1460" s="10">
        <v>25.919499999999999</v>
      </c>
    </row>
    <row r="1461" spans="1:7" x14ac:dyDescent="0.25">
      <c r="A1461" s="10">
        <v>664</v>
      </c>
      <c r="B1461" s="10">
        <v>28.152000000000001</v>
      </c>
      <c r="C1461" s="10">
        <v>27.7255</v>
      </c>
      <c r="D1461" s="10">
        <v>26.940999999999999</v>
      </c>
      <c r="E1461" s="10">
        <v>27.363250000000001</v>
      </c>
      <c r="F1461" s="10">
        <v>25.6035</v>
      </c>
      <c r="G1461" s="10">
        <v>25.9255</v>
      </c>
    </row>
    <row r="1462" spans="1:7" x14ac:dyDescent="0.25">
      <c r="A1462" s="10">
        <v>664.5</v>
      </c>
      <c r="B1462" s="10">
        <v>28.129000000000001</v>
      </c>
      <c r="C1462" s="10">
        <v>27.720500000000001</v>
      </c>
      <c r="D1462" s="10">
        <v>26.902000000000001</v>
      </c>
      <c r="E1462" s="10">
        <v>27.388999999999999</v>
      </c>
      <c r="F1462" s="10">
        <v>25.611999999999998</v>
      </c>
      <c r="G1462" s="10">
        <v>25.874749999999999</v>
      </c>
    </row>
    <row r="1463" spans="1:7" x14ac:dyDescent="0.25">
      <c r="A1463" s="10">
        <v>665</v>
      </c>
      <c r="B1463" s="10">
        <v>28.116</v>
      </c>
      <c r="C1463" s="10">
        <v>27.699249999999999</v>
      </c>
      <c r="D1463" s="10">
        <v>26.903749999999999</v>
      </c>
      <c r="E1463" s="10">
        <v>27.357250000000001</v>
      </c>
      <c r="F1463" s="10">
        <v>25.59225</v>
      </c>
      <c r="G1463" s="10">
        <v>25.893000000000001</v>
      </c>
    </row>
    <row r="1464" spans="1:7" x14ac:dyDescent="0.25">
      <c r="A1464" s="10">
        <v>665.5</v>
      </c>
      <c r="B1464" s="10">
        <v>28.152999999999999</v>
      </c>
      <c r="C1464" s="10">
        <v>27.712250000000001</v>
      </c>
      <c r="D1464" s="10">
        <v>26.8935</v>
      </c>
      <c r="E1464" s="10">
        <v>27.364999999999998</v>
      </c>
      <c r="F1464" s="10">
        <v>25.595500000000001</v>
      </c>
      <c r="G1464" s="10">
        <v>25.861750000000001</v>
      </c>
    </row>
    <row r="1465" spans="1:7" x14ac:dyDescent="0.25">
      <c r="A1465" s="10">
        <v>666</v>
      </c>
      <c r="B1465" s="10">
        <v>28.092749999999999</v>
      </c>
      <c r="C1465" s="10">
        <v>27.690750000000001</v>
      </c>
      <c r="D1465" s="10">
        <v>26.92775</v>
      </c>
      <c r="E1465" s="10">
        <v>27.353750000000002</v>
      </c>
      <c r="F1465" s="10">
        <v>25.57</v>
      </c>
      <c r="G1465" s="10">
        <v>25.8935</v>
      </c>
    </row>
    <row r="1466" spans="1:7" x14ac:dyDescent="0.25">
      <c r="A1466" s="10">
        <v>666.5</v>
      </c>
      <c r="B1466" s="10">
        <v>28.078250000000001</v>
      </c>
      <c r="C1466" s="10">
        <v>27.69</v>
      </c>
      <c r="D1466" s="10">
        <v>26.85125</v>
      </c>
      <c r="E1466" s="10">
        <v>27.337</v>
      </c>
      <c r="F1466" s="10">
        <v>25.55875</v>
      </c>
      <c r="G1466" s="10">
        <v>25.8565</v>
      </c>
    </row>
    <row r="1467" spans="1:7" x14ac:dyDescent="0.25">
      <c r="A1467" s="10">
        <v>667</v>
      </c>
      <c r="B1467" s="10">
        <v>28.07375</v>
      </c>
      <c r="C1467" s="10">
        <v>27.672999999999998</v>
      </c>
      <c r="D1467" s="10">
        <v>26.87275</v>
      </c>
      <c r="E1467" s="10">
        <v>27.33175</v>
      </c>
      <c r="F1467" s="10">
        <v>25.550750000000001</v>
      </c>
      <c r="G1467" s="10">
        <v>25.847750000000001</v>
      </c>
    </row>
    <row r="1468" spans="1:7" x14ac:dyDescent="0.25">
      <c r="A1468" s="10">
        <v>667.5</v>
      </c>
      <c r="B1468" s="10">
        <v>28.063749999999999</v>
      </c>
      <c r="C1468" s="10">
        <v>27.652999999999999</v>
      </c>
      <c r="D1468" s="10">
        <v>26.869</v>
      </c>
      <c r="E1468" s="10">
        <v>27.33</v>
      </c>
      <c r="F1468" s="10">
        <v>25.562249999999999</v>
      </c>
      <c r="G1468" s="10">
        <v>25.835750000000001</v>
      </c>
    </row>
    <row r="1469" spans="1:7" x14ac:dyDescent="0.25">
      <c r="A1469" s="10">
        <v>668</v>
      </c>
      <c r="B1469" s="10">
        <v>28.068000000000001</v>
      </c>
      <c r="C1469" s="10">
        <v>27.643249999999998</v>
      </c>
      <c r="D1469" s="10">
        <v>26.85275</v>
      </c>
      <c r="E1469" s="10">
        <v>27.334</v>
      </c>
      <c r="F1469" s="10">
        <v>25.54325</v>
      </c>
      <c r="G1469" s="10">
        <v>25.809000000000001</v>
      </c>
    </row>
    <row r="1470" spans="1:7" x14ac:dyDescent="0.25">
      <c r="A1470" s="10">
        <v>668.5</v>
      </c>
      <c r="B1470" s="10">
        <v>28.038499999999999</v>
      </c>
      <c r="C1470" s="10">
        <v>27.645</v>
      </c>
      <c r="D1470" s="10">
        <v>26.859249999999999</v>
      </c>
      <c r="E1470" s="10">
        <v>27.303249999999998</v>
      </c>
      <c r="F1470" s="10">
        <v>25.523499999999999</v>
      </c>
      <c r="G1470" s="10">
        <v>25.853249999999999</v>
      </c>
    </row>
    <row r="1471" spans="1:7" x14ac:dyDescent="0.25">
      <c r="A1471" s="10">
        <v>669</v>
      </c>
      <c r="B1471" s="10">
        <v>28.036750000000001</v>
      </c>
      <c r="C1471" s="10">
        <v>27.622</v>
      </c>
      <c r="D1471" s="10">
        <v>26.827750000000002</v>
      </c>
      <c r="E1471" s="10">
        <v>27.28</v>
      </c>
      <c r="F1471" s="10">
        <v>25.546749999999999</v>
      </c>
      <c r="G1471" s="10">
        <v>25.824999999999999</v>
      </c>
    </row>
    <row r="1472" spans="1:7" x14ac:dyDescent="0.25">
      <c r="A1472" s="10">
        <v>669.5</v>
      </c>
      <c r="B1472" s="10">
        <v>28.031500000000001</v>
      </c>
      <c r="C1472" s="10">
        <v>27.606249999999999</v>
      </c>
      <c r="D1472" s="10">
        <v>26.815000000000001</v>
      </c>
      <c r="E1472" s="10">
        <v>27.300249999999998</v>
      </c>
      <c r="F1472" s="10">
        <v>25.54175</v>
      </c>
      <c r="G1472" s="10">
        <v>25.797999999999998</v>
      </c>
    </row>
    <row r="1473" spans="1:8" x14ac:dyDescent="0.25">
      <c r="A1473" s="10">
        <v>670</v>
      </c>
      <c r="B1473" s="10">
        <v>28.020499999999998</v>
      </c>
      <c r="C1473" s="10">
        <v>27.594999999999999</v>
      </c>
      <c r="D1473" s="10">
        <v>26.843499999999999</v>
      </c>
      <c r="E1473" s="10">
        <v>27.273</v>
      </c>
      <c r="F1473" s="10">
        <v>25.527000000000001</v>
      </c>
      <c r="G1473" s="10">
        <v>25.840250000000001</v>
      </c>
    </row>
    <row r="1474" spans="1:8" x14ac:dyDescent="0.25">
      <c r="A1474" s="10">
        <v>670.5</v>
      </c>
      <c r="B1474" s="10">
        <v>27.995999999999999</v>
      </c>
      <c r="C1474" s="10">
        <v>27.596499999999999</v>
      </c>
      <c r="D1474" s="10">
        <v>26.803750000000001</v>
      </c>
      <c r="E1474" s="10">
        <v>27.274750000000001</v>
      </c>
      <c r="F1474" s="10">
        <v>25.524999999999999</v>
      </c>
      <c r="G1474" s="10">
        <v>25.808250000000001</v>
      </c>
    </row>
    <row r="1475" spans="1:8" x14ac:dyDescent="0.25">
      <c r="A1475" s="10">
        <v>671</v>
      </c>
      <c r="B1475" s="10">
        <v>27.98725</v>
      </c>
      <c r="C1475" s="10">
        <v>27.581250000000001</v>
      </c>
      <c r="D1475" s="10">
        <v>26.814499999999999</v>
      </c>
      <c r="E1475" s="10">
        <v>27.254999999999999</v>
      </c>
      <c r="F1475" s="10">
        <v>25.505500000000001</v>
      </c>
      <c r="G1475" s="10">
        <v>25.793500000000002</v>
      </c>
    </row>
    <row r="1476" spans="1:8" x14ac:dyDescent="0.25">
      <c r="A1476" s="10">
        <v>671.5</v>
      </c>
      <c r="B1476" s="10">
        <v>27.97475</v>
      </c>
      <c r="C1476" s="10">
        <v>27.560749999999999</v>
      </c>
      <c r="D1476" s="10">
        <v>26.797000000000001</v>
      </c>
      <c r="E1476" s="10">
        <v>27.27075</v>
      </c>
      <c r="F1476" s="10">
        <v>25.495999999999999</v>
      </c>
      <c r="G1476" s="10">
        <v>25.789249999999999</v>
      </c>
    </row>
    <row r="1477" spans="1:8" x14ac:dyDescent="0.25">
      <c r="A1477" s="10">
        <v>672</v>
      </c>
      <c r="B1477" s="10">
        <v>27.984999999999999</v>
      </c>
      <c r="C1477" s="10">
        <v>27.568999999999999</v>
      </c>
      <c r="D1477" s="10">
        <v>26.795000000000002</v>
      </c>
      <c r="E1477" s="10">
        <v>27.235499999999998</v>
      </c>
      <c r="F1477" s="10">
        <v>25.482250000000001</v>
      </c>
      <c r="G1477" s="10">
        <v>25.811</v>
      </c>
    </row>
    <row r="1478" spans="1:8" x14ac:dyDescent="0.25">
      <c r="A1478" s="10">
        <v>672.5</v>
      </c>
      <c r="B1478" s="10">
        <v>27.961749999999999</v>
      </c>
      <c r="C1478" s="10">
        <v>27.562000000000001</v>
      </c>
      <c r="D1478" s="10">
        <v>26.757999999999999</v>
      </c>
      <c r="E1478" s="10">
        <v>27.24625</v>
      </c>
      <c r="F1478" s="10">
        <v>25.488499999999998</v>
      </c>
      <c r="G1478" s="10">
        <v>25.78875</v>
      </c>
    </row>
    <row r="1479" spans="1:8" x14ac:dyDescent="0.25">
      <c r="A1479" s="10"/>
      <c r="B1479" s="10"/>
      <c r="C1479" s="10"/>
      <c r="D1479" s="10"/>
      <c r="E1479" s="10"/>
      <c r="F1479" s="10"/>
      <c r="G1479" s="10"/>
    </row>
    <row r="1480" spans="1:8" x14ac:dyDescent="0.25">
      <c r="A1480" t="s">
        <v>23</v>
      </c>
    </row>
    <row r="1481" spans="1:8" ht="30" x14ac:dyDescent="0.25">
      <c r="A1481" s="20" t="s">
        <v>18</v>
      </c>
      <c r="B1481" s="20" t="s">
        <v>19</v>
      </c>
      <c r="C1481" s="20" t="s">
        <v>20</v>
      </c>
      <c r="D1481" s="20" t="s">
        <v>21</v>
      </c>
      <c r="E1481" s="20" t="s">
        <v>20</v>
      </c>
      <c r="F1481" s="20" t="s">
        <v>22</v>
      </c>
      <c r="G1481" s="18" t="s">
        <v>18</v>
      </c>
      <c r="H1481" s="18" t="s">
        <v>25</v>
      </c>
    </row>
    <row r="1482" spans="1:8" x14ac:dyDescent="0.25">
      <c r="A1482" s="21">
        <v>0</v>
      </c>
      <c r="B1482" s="22">
        <v>63100000</v>
      </c>
      <c r="C1482" s="21">
        <v>0</v>
      </c>
      <c r="D1482" s="22">
        <v>48400000</v>
      </c>
      <c r="E1482" s="21">
        <v>0</v>
      </c>
      <c r="F1482" s="22">
        <v>33800000</v>
      </c>
      <c r="G1482" s="10">
        <v>0</v>
      </c>
      <c r="H1482" s="19">
        <v>420117000</v>
      </c>
    </row>
    <row r="1483" spans="1:8" x14ac:dyDescent="0.25">
      <c r="A1483" s="21">
        <v>6.1200000000000002E-4</v>
      </c>
      <c r="B1483" s="22">
        <v>79000000</v>
      </c>
      <c r="C1483" s="21">
        <v>6.11E-4</v>
      </c>
      <c r="D1483" s="22">
        <v>63800000</v>
      </c>
      <c r="E1483" s="21">
        <v>6.1200000000000002E-4</v>
      </c>
      <c r="F1483" s="22">
        <v>47300000</v>
      </c>
      <c r="G1483" s="10">
        <v>6.1052600000000002E-4</v>
      </c>
      <c r="H1483" s="19">
        <v>420149000</v>
      </c>
    </row>
    <row r="1484" spans="1:8" x14ac:dyDescent="0.25">
      <c r="A1484" s="21">
        <v>1.224E-3</v>
      </c>
      <c r="B1484" s="22">
        <v>104000000</v>
      </c>
      <c r="C1484" s="21">
        <v>1.224E-3</v>
      </c>
      <c r="D1484" s="22">
        <v>89800000</v>
      </c>
      <c r="E1484" s="21">
        <v>1.225E-3</v>
      </c>
      <c r="F1484" s="22">
        <v>71500000</v>
      </c>
      <c r="G1484" s="10">
        <v>1.2225700000000001E-3</v>
      </c>
      <c r="H1484" s="19">
        <v>420408000</v>
      </c>
    </row>
    <row r="1485" spans="1:8" x14ac:dyDescent="0.25">
      <c r="A1485" s="21">
        <v>1.8389999999999999E-3</v>
      </c>
      <c r="B1485" s="22">
        <v>121000000</v>
      </c>
      <c r="C1485" s="21">
        <v>1.8389999999999999E-3</v>
      </c>
      <c r="D1485" s="22">
        <v>108000000</v>
      </c>
      <c r="E1485" s="21">
        <v>1.8389999999999999E-3</v>
      </c>
      <c r="F1485" s="22">
        <v>93100000</v>
      </c>
      <c r="G1485" s="10">
        <v>1.8373899999999999E-3</v>
      </c>
      <c r="H1485" s="19">
        <v>421077000</v>
      </c>
    </row>
    <row r="1486" spans="1:8" x14ac:dyDescent="0.25">
      <c r="A1486" s="21">
        <v>2.457E-3</v>
      </c>
      <c r="B1486" s="22">
        <v>141000000</v>
      </c>
      <c r="C1486" s="21">
        <v>2.457E-3</v>
      </c>
      <c r="D1486" s="22">
        <v>126000000</v>
      </c>
      <c r="E1486" s="21">
        <v>2.4580000000000001E-3</v>
      </c>
      <c r="F1486" s="22">
        <v>116000000</v>
      </c>
      <c r="G1486" s="10">
        <v>2.4551899999999999E-3</v>
      </c>
      <c r="H1486" s="19">
        <v>421751000</v>
      </c>
    </row>
    <row r="1487" spans="1:8" x14ac:dyDescent="0.25">
      <c r="A1487" s="21">
        <v>3.078E-3</v>
      </c>
      <c r="B1487" s="22">
        <v>164000000</v>
      </c>
      <c r="C1487" s="21">
        <v>3.078E-3</v>
      </c>
      <c r="D1487" s="22">
        <v>148000000</v>
      </c>
      <c r="E1487" s="21">
        <v>3.0790000000000001E-3</v>
      </c>
      <c r="F1487" s="22">
        <v>142000000</v>
      </c>
      <c r="G1487" s="10">
        <v>3.0764999999999998E-3</v>
      </c>
      <c r="H1487" s="19">
        <v>422405000</v>
      </c>
    </row>
    <row r="1488" spans="1:8" x14ac:dyDescent="0.25">
      <c r="A1488" s="21">
        <v>3.705E-3</v>
      </c>
      <c r="B1488" s="22">
        <v>183000000</v>
      </c>
      <c r="C1488" s="21">
        <v>3.705E-3</v>
      </c>
      <c r="D1488" s="22">
        <v>165000000</v>
      </c>
      <c r="E1488" s="21">
        <v>3.705E-3</v>
      </c>
      <c r="F1488" s="22">
        <v>168000000</v>
      </c>
      <c r="G1488" s="10">
        <v>3.7027599999999998E-3</v>
      </c>
      <c r="H1488" s="19">
        <v>423520000</v>
      </c>
    </row>
    <row r="1489" spans="1:8" x14ac:dyDescent="0.25">
      <c r="A1489" s="21">
        <v>4.3379999999999998E-3</v>
      </c>
      <c r="B1489" s="22">
        <v>199000000</v>
      </c>
      <c r="C1489" s="21">
        <v>4.3379999999999998E-3</v>
      </c>
      <c r="D1489" s="22">
        <v>179000000</v>
      </c>
      <c r="E1489" s="21">
        <v>4.339E-3</v>
      </c>
      <c r="F1489" s="22">
        <v>187000000</v>
      </c>
      <c r="G1489" s="10">
        <v>4.3358800000000003E-3</v>
      </c>
      <c r="H1489" s="19">
        <v>425150000</v>
      </c>
    </row>
    <row r="1490" spans="1:8" x14ac:dyDescent="0.25">
      <c r="A1490" s="21">
        <v>4.9820000000000003E-3</v>
      </c>
      <c r="B1490" s="22">
        <v>204000000</v>
      </c>
      <c r="C1490" s="21">
        <v>4.9820000000000003E-3</v>
      </c>
      <c r="D1490" s="22">
        <v>183000000</v>
      </c>
      <c r="E1490" s="21">
        <v>4.9820000000000003E-3</v>
      </c>
      <c r="F1490" s="22">
        <v>193000000</v>
      </c>
      <c r="G1490" s="10">
        <v>4.9797499999999998E-3</v>
      </c>
      <c r="H1490" s="19">
        <v>427115000</v>
      </c>
    </row>
    <row r="1491" spans="1:8" x14ac:dyDescent="0.25">
      <c r="A1491" s="21">
        <v>5.6360000000000004E-3</v>
      </c>
      <c r="B1491" s="22">
        <v>200000000</v>
      </c>
      <c r="C1491" s="21">
        <v>5.6360000000000004E-3</v>
      </c>
      <c r="D1491" s="22">
        <v>177000000</v>
      </c>
      <c r="E1491" s="21">
        <v>5.6360000000000004E-3</v>
      </c>
      <c r="F1491" s="22">
        <v>185000000</v>
      </c>
      <c r="G1491" s="10">
        <v>5.6335999999999999E-3</v>
      </c>
      <c r="H1491" s="19">
        <v>421159000</v>
      </c>
    </row>
    <row r="1492" spans="1:8" x14ac:dyDescent="0.25">
      <c r="A1492" s="21">
        <v>6.2919999999999998E-3</v>
      </c>
      <c r="B1492" s="22">
        <v>198000000</v>
      </c>
      <c r="C1492" s="21">
        <v>6.2919999999999998E-3</v>
      </c>
      <c r="D1492" s="22">
        <v>174000000</v>
      </c>
      <c r="E1492" s="21">
        <v>6.293E-3</v>
      </c>
      <c r="F1492" s="22">
        <v>181000000</v>
      </c>
      <c r="G1492" s="10">
        <v>6.2900100000000004E-3</v>
      </c>
      <c r="H1492" s="19">
        <v>408961000</v>
      </c>
    </row>
    <row r="1493" spans="1:8" x14ac:dyDescent="0.25">
      <c r="A1493" s="21">
        <v>7.0390000000000001E-3</v>
      </c>
      <c r="B1493" s="22">
        <v>220000000</v>
      </c>
      <c r="C1493" s="21">
        <v>7.0390000000000001E-3</v>
      </c>
      <c r="D1493" s="22">
        <v>195000000</v>
      </c>
      <c r="E1493" s="21">
        <v>7.0390000000000001E-3</v>
      </c>
      <c r="F1493" s="22">
        <v>201000000</v>
      </c>
      <c r="G1493" s="10">
        <v>7.0364700000000004E-3</v>
      </c>
      <c r="H1493" s="19">
        <v>411236000</v>
      </c>
    </row>
    <row r="1494" spans="1:8" x14ac:dyDescent="0.25">
      <c r="A1494" s="21">
        <v>7.8539999999999999E-3</v>
      </c>
      <c r="B1494" s="22">
        <v>242000000</v>
      </c>
      <c r="C1494" s="21">
        <v>7.8539999999999999E-3</v>
      </c>
      <c r="D1494" s="22">
        <v>217000000</v>
      </c>
      <c r="E1494" s="21">
        <v>7.8539999999999999E-3</v>
      </c>
      <c r="F1494" s="22">
        <v>222000000</v>
      </c>
      <c r="G1494" s="10">
        <v>7.8515500000000005E-3</v>
      </c>
      <c r="H1494" s="19">
        <v>404642000</v>
      </c>
    </row>
    <row r="1495" spans="1:8" x14ac:dyDescent="0.25">
      <c r="A1495" s="21">
        <v>8.744E-3</v>
      </c>
      <c r="B1495" s="22">
        <v>249000000</v>
      </c>
      <c r="C1495" s="21">
        <v>8.7430000000000008E-3</v>
      </c>
      <c r="D1495" s="22">
        <v>223000000</v>
      </c>
      <c r="E1495" s="21">
        <v>8.744E-3</v>
      </c>
      <c r="F1495" s="22">
        <v>229000000</v>
      </c>
      <c r="G1495" s="10">
        <v>8.7415500000000007E-3</v>
      </c>
      <c r="H1495" s="19">
        <v>385216000</v>
      </c>
    </row>
    <row r="1496" spans="1:8" x14ac:dyDescent="0.25">
      <c r="A1496" s="21">
        <v>9.7149999999999997E-3</v>
      </c>
      <c r="B1496" s="22">
        <v>263000000</v>
      </c>
      <c r="C1496" s="21">
        <v>9.7149999999999997E-3</v>
      </c>
      <c r="D1496" s="22">
        <v>239000000</v>
      </c>
      <c r="E1496" s="21">
        <v>9.7160000000000007E-3</v>
      </c>
      <c r="F1496" s="22">
        <v>244000000</v>
      </c>
      <c r="G1496" s="10">
        <v>9.7133600000000007E-3</v>
      </c>
      <c r="H1496" s="19">
        <v>375089000</v>
      </c>
    </row>
    <row r="1497" spans="1:8" x14ac:dyDescent="0.25">
      <c r="A1497" s="21">
        <v>1.0715000000000001E-2</v>
      </c>
      <c r="B1497" s="22">
        <v>279000000</v>
      </c>
      <c r="C1497" s="21">
        <v>1.0715000000000001E-2</v>
      </c>
      <c r="D1497" s="22">
        <v>256000000</v>
      </c>
      <c r="E1497" s="21">
        <v>1.0716E-2</v>
      </c>
      <c r="F1497" s="22">
        <v>261000000</v>
      </c>
      <c r="G1497" s="10">
        <v>1.0713200000000001E-2</v>
      </c>
      <c r="H1497" s="19">
        <v>371422000</v>
      </c>
    </row>
    <row r="1498" spans="1:8" x14ac:dyDescent="0.25">
      <c r="A1498" s="21">
        <v>1.1715E-2</v>
      </c>
      <c r="B1498" s="22">
        <v>293000000</v>
      </c>
      <c r="C1498" s="21">
        <v>1.1715E-2</v>
      </c>
      <c r="D1498" s="22">
        <v>272000000</v>
      </c>
      <c r="E1498" s="21">
        <v>1.1716000000000001E-2</v>
      </c>
      <c r="F1498" s="22">
        <v>277000000</v>
      </c>
      <c r="G1498" s="10">
        <v>1.1713299999999999E-2</v>
      </c>
      <c r="H1498" s="19">
        <v>371442000</v>
      </c>
    </row>
    <row r="1499" spans="1:8" x14ac:dyDescent="0.25">
      <c r="A1499" s="21">
        <v>1.2715000000000001E-2</v>
      </c>
      <c r="B1499" s="22">
        <v>306000000</v>
      </c>
      <c r="C1499" s="21">
        <v>1.2715000000000001E-2</v>
      </c>
      <c r="D1499" s="22">
        <v>288000000</v>
      </c>
      <c r="E1499" s="21">
        <v>1.2716E-2</v>
      </c>
      <c r="F1499" s="22">
        <v>291000000</v>
      </c>
      <c r="G1499" s="10">
        <v>1.27134E-2</v>
      </c>
      <c r="H1499" s="19">
        <v>373492000</v>
      </c>
    </row>
    <row r="1500" spans="1:8" x14ac:dyDescent="0.25">
      <c r="A1500" s="21">
        <v>1.3715E-2</v>
      </c>
      <c r="B1500" s="22">
        <v>316000000</v>
      </c>
      <c r="C1500" s="21">
        <v>1.3715E-2</v>
      </c>
      <c r="D1500" s="22">
        <v>301000000</v>
      </c>
      <c r="E1500" s="21">
        <v>1.3716000000000001E-2</v>
      </c>
      <c r="F1500" s="22">
        <v>303000000</v>
      </c>
      <c r="G1500" s="10">
        <v>1.3713599999999999E-2</v>
      </c>
      <c r="H1500" s="19">
        <v>373155000</v>
      </c>
    </row>
    <row r="1501" spans="1:8" x14ac:dyDescent="0.25">
      <c r="A1501" s="21">
        <v>1.4715000000000001E-2</v>
      </c>
      <c r="B1501" s="22">
        <v>324000000</v>
      </c>
      <c r="C1501" s="21">
        <v>1.4715000000000001E-2</v>
      </c>
      <c r="D1501" s="22">
        <v>312000000</v>
      </c>
      <c r="E1501" s="21">
        <v>1.4716E-2</v>
      </c>
      <c r="F1501" s="22">
        <v>313000000</v>
      </c>
      <c r="G1501" s="10">
        <v>1.47139E-2</v>
      </c>
      <c r="H1501" s="19">
        <v>350522000</v>
      </c>
    </row>
    <row r="1502" spans="1:8" x14ac:dyDescent="0.25">
      <c r="A1502" s="21">
        <v>1.5715E-2</v>
      </c>
      <c r="B1502" s="22">
        <v>321000000</v>
      </c>
      <c r="C1502" s="21">
        <v>1.5715E-2</v>
      </c>
      <c r="D1502" s="22">
        <v>316000000</v>
      </c>
      <c r="E1502" s="21">
        <v>1.5716000000000001E-2</v>
      </c>
      <c r="F1502" s="22">
        <v>313000000</v>
      </c>
      <c r="G1502" s="10">
        <v>1.5714100000000002E-2</v>
      </c>
      <c r="H1502" s="19">
        <v>306385000</v>
      </c>
    </row>
    <row r="1503" spans="1:8" x14ac:dyDescent="0.25">
      <c r="A1503" s="21">
        <v>1.6716000000000002E-2</v>
      </c>
      <c r="B1503" s="22">
        <v>292000000</v>
      </c>
      <c r="C1503" s="21">
        <v>1.6715000000000001E-2</v>
      </c>
      <c r="D1503" s="22">
        <v>294000000</v>
      </c>
      <c r="E1503" s="21">
        <v>1.6716000000000002E-2</v>
      </c>
      <c r="F1503" s="22">
        <v>287000000</v>
      </c>
      <c r="G1503" s="10">
        <v>1.6714400000000001E-2</v>
      </c>
      <c r="H1503" s="19">
        <v>261522000</v>
      </c>
    </row>
    <row r="1504" spans="1:8" x14ac:dyDescent="0.25">
      <c r="A1504" s="21">
        <v>1.7715999999999999E-2</v>
      </c>
      <c r="B1504" s="22">
        <v>257000000</v>
      </c>
      <c r="C1504" s="21">
        <v>1.7715000000000002E-2</v>
      </c>
      <c r="D1504" s="22">
        <v>259000000</v>
      </c>
      <c r="E1504" s="21">
        <v>1.7715999999999999E-2</v>
      </c>
      <c r="F1504" s="22">
        <v>252000000</v>
      </c>
      <c r="G1504" s="10">
        <v>1.77146E-2</v>
      </c>
      <c r="H1504" s="19">
        <v>225930000</v>
      </c>
    </row>
    <row r="1505" spans="1:8" x14ac:dyDescent="0.25">
      <c r="A1505" s="21">
        <v>1.8716E-2</v>
      </c>
      <c r="B1505" s="22">
        <v>228000000</v>
      </c>
      <c r="C1505" s="21">
        <v>1.8714999999999999E-2</v>
      </c>
      <c r="D1505" s="22">
        <v>231000000</v>
      </c>
      <c r="E1505" s="21">
        <v>1.8716E-2</v>
      </c>
      <c r="F1505" s="22">
        <v>224000000</v>
      </c>
      <c r="G1505" s="10">
        <v>1.87148E-2</v>
      </c>
      <c r="H1505" s="19">
        <v>197311000</v>
      </c>
    </row>
    <row r="1506" spans="1:8" x14ac:dyDescent="0.25">
      <c r="A1506" s="21">
        <v>1.9716000000000001E-2</v>
      </c>
      <c r="B1506" s="22">
        <v>196000000</v>
      </c>
      <c r="C1506" s="21">
        <v>1.9716000000000001E-2</v>
      </c>
      <c r="D1506" s="22">
        <v>199000000</v>
      </c>
      <c r="E1506" s="21">
        <v>1.9716000000000001E-2</v>
      </c>
      <c r="F1506" s="22">
        <v>192000000</v>
      </c>
      <c r="G1506" s="10">
        <v>1.9715E-2</v>
      </c>
      <c r="H1506" s="19">
        <v>164869000</v>
      </c>
    </row>
    <row r="1507" spans="1:8" x14ac:dyDescent="0.25">
      <c r="A1507" s="21">
        <v>2.0715999999999998E-2</v>
      </c>
      <c r="B1507" s="22">
        <v>163000000</v>
      </c>
      <c r="C1507" s="21">
        <v>2.0715999999999998E-2</v>
      </c>
      <c r="D1507" s="22">
        <v>166000000</v>
      </c>
      <c r="E1507" s="21">
        <v>2.0716999999999999E-2</v>
      </c>
      <c r="F1507" s="22">
        <v>159000000</v>
      </c>
      <c r="G1507" s="10">
        <v>2.07152E-2</v>
      </c>
      <c r="H1507" s="19">
        <v>131883000</v>
      </c>
    </row>
    <row r="1508" spans="1:8" x14ac:dyDescent="0.25">
      <c r="A1508" s="21">
        <v>2.1715999999999999E-2</v>
      </c>
      <c r="B1508" s="22">
        <v>133000000</v>
      </c>
      <c r="C1508" s="21">
        <v>2.1715999999999999E-2</v>
      </c>
      <c r="D1508" s="22">
        <v>135000000</v>
      </c>
      <c r="E1508" s="21">
        <v>2.1717E-2</v>
      </c>
      <c r="F1508" s="22">
        <v>129000000</v>
      </c>
      <c r="G1508" s="10">
        <v>2.1715399999999999E-2</v>
      </c>
      <c r="H1508" s="19">
        <v>101590000</v>
      </c>
    </row>
    <row r="1509" spans="1:8" x14ac:dyDescent="0.25">
      <c r="A1509" s="21">
        <v>2.2716E-2</v>
      </c>
      <c r="B1509" s="22">
        <v>106000000</v>
      </c>
      <c r="C1509" s="21">
        <v>2.2716E-2</v>
      </c>
      <c r="D1509" s="22">
        <v>108000000</v>
      </c>
      <c r="E1509" s="21">
        <v>2.2717000000000001E-2</v>
      </c>
      <c r="F1509" s="22">
        <v>102000000</v>
      </c>
      <c r="G1509" s="10">
        <v>2.27155E-2</v>
      </c>
      <c r="H1509" s="19">
        <v>74495000</v>
      </c>
    </row>
    <row r="1510" spans="1:8" x14ac:dyDescent="0.25">
      <c r="A1510" s="21">
        <v>2.3716000000000001E-2</v>
      </c>
      <c r="B1510" s="22">
        <v>74600000</v>
      </c>
      <c r="C1510" s="21">
        <v>2.3716000000000001E-2</v>
      </c>
      <c r="D1510" s="22">
        <v>77100000</v>
      </c>
      <c r="E1510" s="21">
        <v>2.3716999999999998E-2</v>
      </c>
      <c r="F1510" s="22">
        <v>72100000</v>
      </c>
      <c r="G1510" s="10">
        <v>2.3715699999999999E-2</v>
      </c>
      <c r="H1510" s="19">
        <v>43382500</v>
      </c>
    </row>
    <row r="1511" spans="1:8" x14ac:dyDescent="0.25">
      <c r="A1511" s="21">
        <v>2.5717E-2</v>
      </c>
      <c r="B1511" s="22">
        <v>33200000</v>
      </c>
      <c r="C1511" s="21">
        <v>2.5715999999999999E-2</v>
      </c>
      <c r="D1511" s="22">
        <v>35700000</v>
      </c>
      <c r="E1511" s="21">
        <v>2.5717E-2</v>
      </c>
      <c r="F1511" s="22">
        <v>32000000</v>
      </c>
      <c r="G1511" s="10">
        <v>2.57158E-2</v>
      </c>
      <c r="H1511" s="19">
        <v>1993100</v>
      </c>
    </row>
    <row r="1512" spans="1:8" x14ac:dyDescent="0.25">
      <c r="A1512" s="21">
        <v>2.8604999999999998E-2</v>
      </c>
      <c r="B1512" s="22">
        <v>-10400000</v>
      </c>
      <c r="C1512" s="21">
        <v>2.8604999999999998E-2</v>
      </c>
      <c r="D1512" s="22">
        <v>-7940000</v>
      </c>
      <c r="E1512" s="21">
        <v>2.8605999999999999E-2</v>
      </c>
      <c r="F1512" s="22">
        <v>-8910000</v>
      </c>
      <c r="G1512" s="10">
        <v>2.86048E-2</v>
      </c>
      <c r="H1512" s="19">
        <v>-41656200</v>
      </c>
    </row>
    <row r="1513" spans="1:8" x14ac:dyDescent="0.25">
      <c r="A1513" s="21">
        <v>3.1494000000000001E-2</v>
      </c>
      <c r="B1513" s="22">
        <v>-22100000</v>
      </c>
      <c r="C1513" s="21">
        <v>3.1494000000000001E-2</v>
      </c>
      <c r="D1513" s="22">
        <v>-19600000</v>
      </c>
      <c r="E1513" s="21">
        <v>3.1495000000000002E-2</v>
      </c>
      <c r="F1513" s="22">
        <v>-19000000</v>
      </c>
      <c r="G1513" s="10">
        <v>3.1493800000000002E-2</v>
      </c>
      <c r="H1513" s="19">
        <v>-53304400</v>
      </c>
    </row>
    <row r="1514" spans="1:8" x14ac:dyDescent="0.25">
      <c r="A1514" s="21">
        <v>3.4382999999999997E-2</v>
      </c>
      <c r="B1514" s="22">
        <v>-22800000</v>
      </c>
      <c r="C1514" s="21">
        <v>3.4382999999999997E-2</v>
      </c>
      <c r="D1514" s="22">
        <v>-20200000</v>
      </c>
      <c r="E1514" s="21">
        <v>3.4382999999999997E-2</v>
      </c>
      <c r="F1514" s="22">
        <v>-19600000</v>
      </c>
      <c r="G1514" s="10">
        <v>3.4382799999999998E-2</v>
      </c>
      <c r="H1514" s="19">
        <v>-53927800</v>
      </c>
    </row>
    <row r="1515" spans="1:8" x14ac:dyDescent="0.25">
      <c r="A1515" s="21">
        <v>3.7272E-2</v>
      </c>
      <c r="B1515" s="22">
        <v>-23200000</v>
      </c>
      <c r="C1515" s="21">
        <v>3.7270999999999999E-2</v>
      </c>
      <c r="D1515" s="22">
        <v>-20700000</v>
      </c>
      <c r="E1515" s="21">
        <v>3.7272E-2</v>
      </c>
      <c r="F1515" s="22">
        <v>-20100000</v>
      </c>
      <c r="G1515" s="10">
        <v>3.7271800000000001E-2</v>
      </c>
      <c r="H1515" s="19">
        <v>-54328200</v>
      </c>
    </row>
    <row r="1516" spans="1:8" x14ac:dyDescent="0.25">
      <c r="A1516" s="21">
        <v>4.0161000000000002E-2</v>
      </c>
      <c r="B1516" s="22">
        <v>-23800000</v>
      </c>
      <c r="C1516" s="21">
        <v>4.0160000000000001E-2</v>
      </c>
      <c r="D1516" s="22">
        <v>-21300000</v>
      </c>
      <c r="E1516" s="21">
        <v>4.0161000000000002E-2</v>
      </c>
      <c r="F1516" s="22">
        <v>-20700000</v>
      </c>
      <c r="G1516" s="10">
        <v>4.0160800000000003E-2</v>
      </c>
      <c r="H1516" s="19">
        <v>-54836800</v>
      </c>
    </row>
    <row r="1517" spans="1:8" x14ac:dyDescent="0.25">
      <c r="A1517" s="21">
        <v>4.3049999999999998E-2</v>
      </c>
      <c r="B1517" s="22">
        <v>-24500000</v>
      </c>
      <c r="C1517" s="21">
        <v>4.3048999999999997E-2</v>
      </c>
      <c r="D1517" s="22">
        <v>-21900000</v>
      </c>
      <c r="E1517" s="21">
        <v>4.3049999999999998E-2</v>
      </c>
      <c r="F1517" s="22">
        <v>-21300000</v>
      </c>
      <c r="G1517" s="10">
        <v>4.3049799999999999E-2</v>
      </c>
      <c r="H1517" s="19">
        <v>-55403300</v>
      </c>
    </row>
    <row r="1518" spans="1:8" x14ac:dyDescent="0.25">
      <c r="A1518" s="21">
        <v>4.5938E-2</v>
      </c>
      <c r="B1518" s="22">
        <v>-25200000</v>
      </c>
      <c r="C1518" s="21">
        <v>4.5938E-2</v>
      </c>
      <c r="D1518" s="22">
        <v>-22600000</v>
      </c>
      <c r="E1518" s="21">
        <v>4.5939000000000001E-2</v>
      </c>
      <c r="F1518" s="22">
        <v>-22000000</v>
      </c>
      <c r="G1518" s="10">
        <v>4.5938800000000002E-2</v>
      </c>
      <c r="H1518" s="19">
        <v>-56011500</v>
      </c>
    </row>
    <row r="1519" spans="1:8" x14ac:dyDescent="0.25">
      <c r="A1519" s="21">
        <v>4.8827000000000002E-2</v>
      </c>
      <c r="B1519" s="22">
        <v>-25900000</v>
      </c>
      <c r="C1519" s="21">
        <v>4.8827000000000002E-2</v>
      </c>
      <c r="D1519" s="22">
        <v>-23300000</v>
      </c>
      <c r="E1519" s="21">
        <v>4.8828000000000003E-2</v>
      </c>
      <c r="F1519" s="22">
        <v>-22700000</v>
      </c>
      <c r="G1519" s="10">
        <v>4.8827799999999998E-2</v>
      </c>
      <c r="H1519" s="19">
        <v>-56626000</v>
      </c>
    </row>
    <row r="1520" spans="1:8" x14ac:dyDescent="0.25">
      <c r="A1520" s="21">
        <v>5.1715999999999998E-2</v>
      </c>
      <c r="B1520" s="22">
        <v>-26900000</v>
      </c>
      <c r="C1520" s="21">
        <v>5.1715999999999998E-2</v>
      </c>
      <c r="D1520" s="22">
        <v>-24300000</v>
      </c>
      <c r="E1520" s="21">
        <v>5.1715999999999998E-2</v>
      </c>
      <c r="F1520" s="22">
        <v>-23700000</v>
      </c>
      <c r="G1520" s="10">
        <v>5.17168E-2</v>
      </c>
      <c r="H1520" s="19">
        <v>-57467300</v>
      </c>
    </row>
    <row r="1521" spans="1:8" x14ac:dyDescent="0.25">
      <c r="A1521" s="21">
        <v>5.7716000000000003E-2</v>
      </c>
      <c r="B1521" s="22">
        <v>-28100000</v>
      </c>
      <c r="C1521" s="21">
        <v>5.7716000000000003E-2</v>
      </c>
      <c r="D1521" s="22">
        <v>-25500000</v>
      </c>
      <c r="E1521" s="21">
        <v>5.7716000000000003E-2</v>
      </c>
      <c r="F1521" s="22">
        <v>-25000000</v>
      </c>
      <c r="G1521" s="10">
        <v>5.77171E-2</v>
      </c>
      <c r="H1521" s="19">
        <v>-58496500</v>
      </c>
    </row>
    <row r="1522" spans="1:8" x14ac:dyDescent="0.25">
      <c r="A1522" s="21">
        <v>5.8581000000000001E-2</v>
      </c>
      <c r="B1522" s="22">
        <v>-28800000</v>
      </c>
      <c r="C1522" s="21">
        <v>5.8581000000000001E-2</v>
      </c>
      <c r="D1522" s="22">
        <v>-26300000</v>
      </c>
      <c r="E1522" s="21">
        <v>5.8582000000000002E-2</v>
      </c>
      <c r="F1522" s="22">
        <v>-25700000</v>
      </c>
      <c r="G1522" s="10">
        <v>5.8582299999999997E-2</v>
      </c>
      <c r="H1522" s="19">
        <v>-59102800</v>
      </c>
    </row>
    <row r="1523" spans="1:8" x14ac:dyDescent="0.25">
      <c r="A1523" s="21">
        <v>5.9492999999999997E-2</v>
      </c>
      <c r="B1523" s="22">
        <v>-29100000</v>
      </c>
      <c r="C1523" s="21">
        <v>5.9492000000000003E-2</v>
      </c>
      <c r="D1523" s="22">
        <v>-26600000</v>
      </c>
      <c r="E1523" s="21">
        <v>5.9492999999999997E-2</v>
      </c>
      <c r="F1523" s="22">
        <v>-26000000</v>
      </c>
      <c r="G1523" s="10">
        <v>5.9493900000000002E-2</v>
      </c>
      <c r="H1523" s="19">
        <v>-59372800</v>
      </c>
    </row>
    <row r="1524" spans="1:8" x14ac:dyDescent="0.25">
      <c r="A1524" s="21">
        <v>6.0715999999999999E-2</v>
      </c>
      <c r="B1524" s="22">
        <v>-29700000</v>
      </c>
      <c r="C1524" s="21">
        <v>6.0715999999999999E-2</v>
      </c>
      <c r="D1524" s="22">
        <v>-27100000</v>
      </c>
      <c r="E1524" s="21">
        <v>6.0715999999999999E-2</v>
      </c>
      <c r="F1524" s="22">
        <v>-26500000</v>
      </c>
      <c r="G1524" s="10">
        <v>6.0717199999999999E-2</v>
      </c>
      <c r="H1524" s="19">
        <v>-59836000</v>
      </c>
    </row>
    <row r="1525" spans="1:8" x14ac:dyDescent="0.25">
      <c r="A1525" s="21">
        <v>6.3952999999999996E-2</v>
      </c>
      <c r="B1525" s="22">
        <v>-30700000</v>
      </c>
      <c r="C1525" s="21">
        <v>6.3951999999999995E-2</v>
      </c>
      <c r="D1525" s="22">
        <v>-28100000</v>
      </c>
      <c r="E1525" s="21">
        <v>6.3952999999999996E-2</v>
      </c>
      <c r="F1525" s="22">
        <v>-27500000</v>
      </c>
      <c r="G1525" s="10">
        <v>6.3953800000000005E-2</v>
      </c>
      <c r="H1525" s="19">
        <v>-60635400</v>
      </c>
    </row>
    <row r="1526" spans="1:8" x14ac:dyDescent="0.25">
      <c r="A1526" s="21">
        <v>6.7452999999999999E-2</v>
      </c>
      <c r="B1526" s="22">
        <v>-31900000</v>
      </c>
      <c r="C1526" s="21">
        <v>6.7452999999999999E-2</v>
      </c>
      <c r="D1526" s="22">
        <v>-29400000</v>
      </c>
      <c r="E1526" s="21">
        <v>6.7452999999999999E-2</v>
      </c>
      <c r="F1526" s="22">
        <v>-28800000</v>
      </c>
      <c r="G1526" s="10">
        <v>6.7454600000000003E-2</v>
      </c>
      <c r="H1526" s="19">
        <v>-61662800</v>
      </c>
    </row>
    <row r="1527" spans="1:8" x14ac:dyDescent="0.25">
      <c r="A1527" s="21">
        <v>7.1239999999999998E-2</v>
      </c>
      <c r="B1527" s="22">
        <v>-33300000</v>
      </c>
      <c r="C1527" s="21">
        <v>7.1238999999999997E-2</v>
      </c>
      <c r="D1527" s="22">
        <v>-30800000</v>
      </c>
      <c r="E1527" s="21">
        <v>7.1239999999999998E-2</v>
      </c>
      <c r="F1527" s="22">
        <v>-30200000</v>
      </c>
      <c r="G1527" s="10">
        <v>7.1241200000000005E-2</v>
      </c>
      <c r="H1527" s="19">
        <v>-62804700</v>
      </c>
    </row>
    <row r="1528" spans="1:8" x14ac:dyDescent="0.25">
      <c r="A1528" s="21">
        <v>7.5334999999999999E-2</v>
      </c>
      <c r="B1528" s="22">
        <v>-34800000</v>
      </c>
      <c r="C1528" s="21">
        <v>7.5333999999999998E-2</v>
      </c>
      <c r="D1528" s="22">
        <v>-32300000</v>
      </c>
      <c r="E1528" s="21">
        <v>7.5334999999999999E-2</v>
      </c>
      <c r="F1528" s="22">
        <v>-31800000</v>
      </c>
      <c r="G1528" s="10">
        <v>7.5336899999999998E-2</v>
      </c>
      <c r="H1528" s="19">
        <v>-64067700</v>
      </c>
    </row>
    <row r="1529" spans="1:8" x14ac:dyDescent="0.25">
      <c r="A1529" s="21">
        <v>7.9765000000000003E-2</v>
      </c>
      <c r="B1529" s="22">
        <v>-36600000</v>
      </c>
      <c r="C1529" s="21">
        <v>7.9764000000000002E-2</v>
      </c>
      <c r="D1529" s="22">
        <v>-34100000</v>
      </c>
      <c r="E1529" s="21">
        <v>7.9765000000000003E-2</v>
      </c>
      <c r="F1529" s="22">
        <v>-33500000</v>
      </c>
      <c r="G1529" s="10">
        <v>7.9767000000000005E-2</v>
      </c>
      <c r="H1529" s="19">
        <v>-65455300</v>
      </c>
    </row>
    <row r="1530" spans="1:8" x14ac:dyDescent="0.25">
      <c r="A1530" s="21">
        <v>8.4556999999999993E-2</v>
      </c>
      <c r="B1530" s="22">
        <v>-38500000</v>
      </c>
      <c r="C1530" s="21">
        <v>8.4556000000000006E-2</v>
      </c>
      <c r="D1530" s="22">
        <v>-36000000</v>
      </c>
      <c r="E1530" s="21">
        <v>8.4556999999999993E-2</v>
      </c>
      <c r="F1530" s="22">
        <v>-35400000</v>
      </c>
      <c r="G1530" s="10">
        <v>8.4558800000000003E-2</v>
      </c>
      <c r="H1530" s="19">
        <v>-66967500</v>
      </c>
    </row>
    <row r="1531" spans="1:8" x14ac:dyDescent="0.25">
      <c r="A1531" s="21">
        <v>8.9738999999999999E-2</v>
      </c>
      <c r="B1531" s="22">
        <v>-40500000</v>
      </c>
      <c r="C1531" s="21">
        <v>8.9738999999999999E-2</v>
      </c>
      <c r="D1531" s="22">
        <v>-38000000</v>
      </c>
      <c r="E1531" s="21">
        <v>8.9738999999999999E-2</v>
      </c>
      <c r="F1531" s="22">
        <v>-37400000</v>
      </c>
      <c r="G1531" s="10">
        <v>8.9741799999999997E-2</v>
      </c>
      <c r="H1531" s="19">
        <v>-68597900</v>
      </c>
    </row>
    <row r="1532" spans="1:8" x14ac:dyDescent="0.25">
      <c r="A1532" s="21">
        <v>9.5344999999999999E-2</v>
      </c>
      <c r="B1532" s="22">
        <v>-42700000</v>
      </c>
      <c r="C1532" s="21">
        <v>9.5343999999999998E-2</v>
      </c>
      <c r="D1532" s="22">
        <v>-40300000</v>
      </c>
      <c r="E1532" s="21">
        <v>9.5344999999999999E-2</v>
      </c>
      <c r="F1532" s="22">
        <v>-39700000</v>
      </c>
      <c r="G1532" s="10">
        <v>9.5347899999999999E-2</v>
      </c>
      <c r="H1532" s="19">
        <v>-70331600</v>
      </c>
    </row>
    <row r="1533" spans="1:8" x14ac:dyDescent="0.25">
      <c r="A1533" s="21">
        <v>0.101409</v>
      </c>
      <c r="B1533" s="22">
        <v>-45100000</v>
      </c>
      <c r="C1533" s="21">
        <v>0.101408</v>
      </c>
      <c r="D1533" s="22">
        <v>-42600000</v>
      </c>
      <c r="E1533" s="21">
        <v>0.101409</v>
      </c>
      <c r="F1533" s="22">
        <v>-42000000</v>
      </c>
      <c r="G1533" s="10">
        <v>0.101412</v>
      </c>
      <c r="H1533" s="19">
        <v>-72140700</v>
      </c>
    </row>
    <row r="1534" spans="1:8" x14ac:dyDescent="0.25">
      <c r="A1534" s="21">
        <v>0.10796699999999999</v>
      </c>
      <c r="B1534" s="22">
        <v>-47500000</v>
      </c>
      <c r="C1534" s="21">
        <v>0.10796600000000001</v>
      </c>
      <c r="D1534" s="22">
        <v>-45100000</v>
      </c>
      <c r="E1534" s="21">
        <v>0.10796699999999999</v>
      </c>
      <c r="F1534" s="22">
        <v>-44400000</v>
      </c>
      <c r="G1534" s="10">
        <v>0.107971</v>
      </c>
      <c r="H1534" s="19">
        <v>-73979600</v>
      </c>
    </row>
    <row r="1535" spans="1:8" x14ac:dyDescent="0.25">
      <c r="A1535" s="21">
        <v>0.115061</v>
      </c>
      <c r="B1535" s="22">
        <v>-49900000</v>
      </c>
      <c r="C1535" s="21">
        <v>0.11506</v>
      </c>
      <c r="D1535" s="22">
        <v>-47500000</v>
      </c>
      <c r="E1535" s="21">
        <v>0.115061</v>
      </c>
      <c r="F1535" s="22">
        <v>-46900000</v>
      </c>
      <c r="G1535" s="10">
        <v>0.115065</v>
      </c>
      <c r="H1535" s="19">
        <v>-75777400</v>
      </c>
    </row>
    <row r="1536" spans="1:8" x14ac:dyDescent="0.25">
      <c r="A1536" s="21">
        <v>0.122734</v>
      </c>
      <c r="B1536" s="22">
        <v>-52300000</v>
      </c>
      <c r="C1536" s="21">
        <v>0.122734</v>
      </c>
      <c r="D1536" s="22">
        <v>-49900000</v>
      </c>
      <c r="E1536" s="21">
        <v>0.122734</v>
      </c>
      <c r="F1536" s="22">
        <v>-49200000</v>
      </c>
      <c r="G1536" s="10">
        <v>0.122738</v>
      </c>
      <c r="H1536" s="19">
        <v>-77428500</v>
      </c>
    </row>
    <row r="1537" spans="1:8" x14ac:dyDescent="0.25">
      <c r="A1537" s="21">
        <v>0.13103400000000001</v>
      </c>
      <c r="B1537" s="22">
        <v>-54400000</v>
      </c>
      <c r="C1537" s="21">
        <v>0.13103300000000001</v>
      </c>
      <c r="D1537" s="22">
        <v>-52000000</v>
      </c>
      <c r="E1537" s="21">
        <v>0.13103400000000001</v>
      </c>
      <c r="F1537" s="22">
        <v>-51300000</v>
      </c>
      <c r="G1537" s="10">
        <v>0.13103799999999999</v>
      </c>
      <c r="H1537" s="19">
        <v>-78779700</v>
      </c>
    </row>
    <row r="1538" spans="1:8" x14ac:dyDescent="0.25">
      <c r="A1538" s="21">
        <v>0.140011</v>
      </c>
      <c r="B1538" s="22">
        <v>-56000000</v>
      </c>
      <c r="C1538" s="21">
        <v>0.14001</v>
      </c>
      <c r="D1538" s="22">
        <v>-53600000</v>
      </c>
      <c r="E1538" s="21">
        <v>0.140011</v>
      </c>
      <c r="F1538" s="22">
        <v>-53000000</v>
      </c>
      <c r="G1538" s="10">
        <v>0.140016</v>
      </c>
      <c r="H1538" s="19">
        <v>-79612800</v>
      </c>
    </row>
    <row r="1539" spans="1:8" x14ac:dyDescent="0.25">
      <c r="A1539" s="21">
        <v>0.14972199999999999</v>
      </c>
      <c r="B1539" s="22">
        <v>-56600000</v>
      </c>
      <c r="C1539" s="21">
        <v>0.14972099999999999</v>
      </c>
      <c r="D1539" s="22">
        <v>-54300000</v>
      </c>
      <c r="E1539" s="21">
        <v>0.14972099999999999</v>
      </c>
      <c r="F1539" s="22">
        <v>-53600000</v>
      </c>
      <c r="G1539" s="10">
        <v>0.149726</v>
      </c>
      <c r="H1539" s="19">
        <v>-79867700</v>
      </c>
    </row>
    <row r="1540" spans="1:8" x14ac:dyDescent="0.25">
      <c r="A1540" s="17"/>
    </row>
    <row r="1541" spans="1:8" x14ac:dyDescent="0.25">
      <c r="A1541" t="s">
        <v>26</v>
      </c>
    </row>
    <row r="1542" spans="1:8" x14ac:dyDescent="0.25">
      <c r="A1542" s="10" t="s">
        <v>29</v>
      </c>
    </row>
    <row r="1543" spans="1:8" x14ac:dyDescent="0.25">
      <c r="A1543" t="s">
        <v>18</v>
      </c>
      <c r="B1543" t="s">
        <v>27</v>
      </c>
      <c r="C1543" t="s">
        <v>28</v>
      </c>
      <c r="F1543" t="s">
        <v>18</v>
      </c>
      <c r="G1543" t="s">
        <v>24</v>
      </c>
    </row>
    <row r="1544" spans="1:8" x14ac:dyDescent="0.25">
      <c r="A1544">
        <v>0</v>
      </c>
      <c r="B1544">
        <v>336725216.58291203</v>
      </c>
      <c r="C1544">
        <v>16213296.550903199</v>
      </c>
      <c r="F1544">
        <v>0</v>
      </c>
      <c r="G1544">
        <v>420117000</v>
      </c>
    </row>
    <row r="1545" spans="1:8" x14ac:dyDescent="0.25">
      <c r="A1545">
        <v>2E-3</v>
      </c>
      <c r="B1545">
        <v>362599280.11911398</v>
      </c>
      <c r="C1545">
        <v>16074974.382750001</v>
      </c>
      <c r="F1545">
        <v>6.1052600000000002E-4</v>
      </c>
      <c r="G1545">
        <v>420149000</v>
      </c>
    </row>
    <row r="1546" spans="1:8" x14ac:dyDescent="0.25">
      <c r="A1546">
        <v>4.0000000000000001E-3</v>
      </c>
      <c r="B1546">
        <v>378387784.95933402</v>
      </c>
      <c r="C1546">
        <v>15808096.0263668</v>
      </c>
      <c r="F1546">
        <v>1.2225700000000001E-3</v>
      </c>
      <c r="G1546">
        <v>420408000</v>
      </c>
    </row>
    <row r="1547" spans="1:8" x14ac:dyDescent="0.25">
      <c r="A1547">
        <v>6.0000000000000001E-3</v>
      </c>
      <c r="B1547">
        <v>423849808.88556802</v>
      </c>
      <c r="C1547">
        <v>15998818.4716911</v>
      </c>
      <c r="F1547">
        <v>1.8373899999999999E-3</v>
      </c>
      <c r="G1547">
        <v>421077000</v>
      </c>
    </row>
    <row r="1548" spans="1:8" x14ac:dyDescent="0.25">
      <c r="A1548">
        <v>8.0000000000000002E-3</v>
      </c>
      <c r="B1548">
        <v>469648337.54163998</v>
      </c>
      <c r="C1548">
        <v>14710824.080156</v>
      </c>
      <c r="F1548">
        <v>2.4551899999999999E-3</v>
      </c>
      <c r="G1548">
        <v>421751000</v>
      </c>
    </row>
    <row r="1549" spans="1:8" x14ac:dyDescent="0.25">
      <c r="A1549">
        <v>0.01</v>
      </c>
      <c r="B1549">
        <v>411810328.44760698</v>
      </c>
      <c r="C1549">
        <v>13815927.173144501</v>
      </c>
      <c r="F1549">
        <v>3.0764999999999998E-3</v>
      </c>
      <c r="G1549">
        <v>422405000</v>
      </c>
    </row>
    <row r="1550" spans="1:8" x14ac:dyDescent="0.25">
      <c r="A1550">
        <v>1.2E-2</v>
      </c>
      <c r="B1550">
        <v>315221121.04657698</v>
      </c>
      <c r="C1550">
        <v>14100626.1550244</v>
      </c>
      <c r="F1550">
        <v>3.7027599999999998E-3</v>
      </c>
      <c r="G1550">
        <v>423520000</v>
      </c>
    </row>
    <row r="1551" spans="1:8" x14ac:dyDescent="0.25">
      <c r="A1551">
        <v>1.4E-2</v>
      </c>
      <c r="B1551">
        <v>286116637.55405903</v>
      </c>
      <c r="C1551">
        <v>13329206.8754018</v>
      </c>
      <c r="F1551">
        <v>4.3358800000000003E-3</v>
      </c>
      <c r="G1551">
        <v>425150000</v>
      </c>
    </row>
    <row r="1552" spans="1:8" x14ac:dyDescent="0.25">
      <c r="A1552">
        <v>1.6E-2</v>
      </c>
      <c r="B1552">
        <v>277718971.31557399</v>
      </c>
      <c r="C1552">
        <v>14408553.6424118</v>
      </c>
      <c r="F1552">
        <v>4.9797499999999998E-3</v>
      </c>
      <c r="G1552">
        <v>427115000</v>
      </c>
    </row>
    <row r="1553" spans="1:7" x14ac:dyDescent="0.25">
      <c r="A1553">
        <v>1.7999999999999999E-2</v>
      </c>
      <c r="B1553">
        <v>217155145.73495701</v>
      </c>
      <c r="C1553">
        <v>13436833.0795226</v>
      </c>
      <c r="F1553">
        <v>5.6335999999999999E-3</v>
      </c>
      <c r="G1553">
        <v>421159000</v>
      </c>
    </row>
    <row r="1554" spans="1:7" x14ac:dyDescent="0.25">
      <c r="A1554">
        <v>0.02</v>
      </c>
      <c r="B1554">
        <v>151021849.90972301</v>
      </c>
      <c r="C1554">
        <v>14847963.986041799</v>
      </c>
      <c r="F1554">
        <v>6.2900100000000004E-3</v>
      </c>
      <c r="G1554">
        <v>408961000</v>
      </c>
    </row>
    <row r="1555" spans="1:7" x14ac:dyDescent="0.25">
      <c r="A1555">
        <v>2.5000000000000001E-2</v>
      </c>
      <c r="B1555">
        <v>23730045.830451299</v>
      </c>
      <c r="C1555">
        <v>11907761.2567084</v>
      </c>
      <c r="F1555">
        <v>7.0364700000000004E-3</v>
      </c>
      <c r="G1555">
        <v>411236000</v>
      </c>
    </row>
    <row r="1556" spans="1:7" x14ac:dyDescent="0.25">
      <c r="A1556">
        <v>0.03</v>
      </c>
      <c r="B1556">
        <v>-11024479.164606901</v>
      </c>
      <c r="C1556">
        <v>13739122.8920018</v>
      </c>
      <c r="F1556">
        <v>7.8515500000000005E-3</v>
      </c>
      <c r="G1556">
        <v>404642000</v>
      </c>
    </row>
    <row r="1557" spans="1:7" x14ac:dyDescent="0.25">
      <c r="A1557">
        <v>3.5000000000000003E-2</v>
      </c>
      <c r="B1557">
        <v>-61154013.965684697</v>
      </c>
      <c r="C1557">
        <v>15628930.2942397</v>
      </c>
      <c r="F1557">
        <v>8.7415500000000007E-3</v>
      </c>
      <c r="G1557">
        <v>385216000</v>
      </c>
    </row>
    <row r="1558" spans="1:7" x14ac:dyDescent="0.25">
      <c r="A1558">
        <v>0.04</v>
      </c>
      <c r="B1558">
        <v>-55891782.941503003</v>
      </c>
      <c r="C1558">
        <v>16494931.1980961</v>
      </c>
      <c r="F1558">
        <v>9.7133600000000007E-3</v>
      </c>
      <c r="G1558">
        <v>375089000</v>
      </c>
    </row>
    <row r="1559" spans="1:7" x14ac:dyDescent="0.25">
      <c r="A1559">
        <v>0.05</v>
      </c>
      <c r="B1559">
        <v>-71937151.544638306</v>
      </c>
      <c r="C1559">
        <v>15355873.1456521</v>
      </c>
      <c r="F1559">
        <v>1.0713200000000001E-2</v>
      </c>
      <c r="G1559">
        <v>371422000</v>
      </c>
    </row>
    <row r="1560" spans="1:7" x14ac:dyDescent="0.25">
      <c r="A1560">
        <v>0.06</v>
      </c>
      <c r="B1560">
        <v>-72816934.046852693</v>
      </c>
      <c r="C1560">
        <v>14765748.998469699</v>
      </c>
      <c r="F1560">
        <v>1.1713299999999999E-2</v>
      </c>
      <c r="G1560">
        <v>371442000</v>
      </c>
    </row>
    <row r="1561" spans="1:7" x14ac:dyDescent="0.25">
      <c r="A1561">
        <v>7.0000000000000007E-2</v>
      </c>
      <c r="B1561">
        <v>-65002946.614813402</v>
      </c>
      <c r="C1561">
        <v>14860930.946726</v>
      </c>
      <c r="F1561">
        <v>1.27134E-2</v>
      </c>
      <c r="G1561">
        <v>373492000</v>
      </c>
    </row>
    <row r="1562" spans="1:7" x14ac:dyDescent="0.25">
      <c r="A1562">
        <v>0.08</v>
      </c>
      <c r="B1562">
        <v>-81950469.247633904</v>
      </c>
      <c r="C1562">
        <v>16409681.6657642</v>
      </c>
      <c r="F1562">
        <v>1.3713599999999999E-2</v>
      </c>
      <c r="G1562">
        <v>373155000</v>
      </c>
    </row>
    <row r="1563" spans="1:7" x14ac:dyDescent="0.25">
      <c r="A1563">
        <v>0.09</v>
      </c>
      <c r="B1563">
        <v>-86999759.959070697</v>
      </c>
      <c r="C1563">
        <v>15397857.0864652</v>
      </c>
      <c r="F1563">
        <v>1.47139E-2</v>
      </c>
      <c r="G1563">
        <v>350522000</v>
      </c>
    </row>
    <row r="1564" spans="1:7" x14ac:dyDescent="0.25">
      <c r="A1564">
        <v>0.1</v>
      </c>
      <c r="B1564">
        <v>-97670731.348134398</v>
      </c>
      <c r="C1564">
        <v>15843228.5352374</v>
      </c>
      <c r="F1564">
        <v>1.5714100000000002E-2</v>
      </c>
      <c r="G1564">
        <v>306385000</v>
      </c>
    </row>
    <row r="1565" spans="1:7" x14ac:dyDescent="0.25">
      <c r="A1565">
        <v>0.12</v>
      </c>
      <c r="B1565">
        <v>-62186672.7074503</v>
      </c>
      <c r="C1565">
        <v>15458015.9594399</v>
      </c>
      <c r="F1565">
        <v>1.6714400000000001E-2</v>
      </c>
      <c r="G1565">
        <v>261522000</v>
      </c>
    </row>
    <row r="1566" spans="1:7" x14ac:dyDescent="0.25">
      <c r="F1566">
        <v>1.77146E-2</v>
      </c>
      <c r="G1566">
        <v>225930000</v>
      </c>
    </row>
    <row r="1567" spans="1:7" x14ac:dyDescent="0.25">
      <c r="F1567">
        <v>1.87148E-2</v>
      </c>
      <c r="G1567">
        <v>197311000</v>
      </c>
    </row>
    <row r="1568" spans="1:7" x14ac:dyDescent="0.25">
      <c r="F1568">
        <v>1.9715E-2</v>
      </c>
      <c r="G1568">
        <v>164869000</v>
      </c>
    </row>
    <row r="1569" spans="6:7" x14ac:dyDescent="0.25">
      <c r="F1569">
        <v>2.07152E-2</v>
      </c>
      <c r="G1569">
        <v>131883000</v>
      </c>
    </row>
    <row r="1570" spans="6:7" x14ac:dyDescent="0.25">
      <c r="F1570">
        <v>2.1715399999999999E-2</v>
      </c>
      <c r="G1570">
        <v>101590000</v>
      </c>
    </row>
    <row r="1571" spans="6:7" x14ac:dyDescent="0.25">
      <c r="F1571">
        <v>2.27155E-2</v>
      </c>
      <c r="G1571">
        <v>74495000</v>
      </c>
    </row>
    <row r="1572" spans="6:7" x14ac:dyDescent="0.25">
      <c r="F1572">
        <v>2.3715699999999999E-2</v>
      </c>
      <c r="G1572">
        <v>43382500</v>
      </c>
    </row>
    <row r="1573" spans="6:7" x14ac:dyDescent="0.25">
      <c r="F1573">
        <v>2.57158E-2</v>
      </c>
      <c r="G1573">
        <v>1993100</v>
      </c>
    </row>
    <row r="1574" spans="6:7" x14ac:dyDescent="0.25">
      <c r="F1574">
        <v>2.86048E-2</v>
      </c>
      <c r="G1574">
        <v>-41656200</v>
      </c>
    </row>
    <row r="1575" spans="6:7" x14ac:dyDescent="0.25">
      <c r="F1575">
        <v>3.1493800000000002E-2</v>
      </c>
      <c r="G1575">
        <v>-53304400</v>
      </c>
    </row>
    <row r="1576" spans="6:7" x14ac:dyDescent="0.25">
      <c r="F1576">
        <v>3.4382799999999998E-2</v>
      </c>
      <c r="G1576">
        <v>-53927800</v>
      </c>
    </row>
    <row r="1577" spans="6:7" x14ac:dyDescent="0.25">
      <c r="F1577">
        <v>3.7271800000000001E-2</v>
      </c>
      <c r="G1577">
        <v>-54328200</v>
      </c>
    </row>
    <row r="1578" spans="6:7" x14ac:dyDescent="0.25">
      <c r="F1578">
        <v>4.0160800000000003E-2</v>
      </c>
      <c r="G1578">
        <v>-54836800</v>
      </c>
    </row>
    <row r="1579" spans="6:7" x14ac:dyDescent="0.25">
      <c r="F1579">
        <v>4.3049799999999999E-2</v>
      </c>
      <c r="G1579">
        <v>-55403300</v>
      </c>
    </row>
    <row r="1580" spans="6:7" x14ac:dyDescent="0.25">
      <c r="F1580">
        <v>4.5938800000000002E-2</v>
      </c>
      <c r="G1580">
        <v>-56011500</v>
      </c>
    </row>
    <row r="1581" spans="6:7" x14ac:dyDescent="0.25">
      <c r="F1581">
        <v>4.8827799999999998E-2</v>
      </c>
      <c r="G1581">
        <v>-56626000</v>
      </c>
    </row>
    <row r="1582" spans="6:7" x14ac:dyDescent="0.25">
      <c r="F1582">
        <v>5.17168E-2</v>
      </c>
      <c r="G1582">
        <v>-57467300</v>
      </c>
    </row>
    <row r="1583" spans="6:7" x14ac:dyDescent="0.25">
      <c r="F1583">
        <v>5.77171E-2</v>
      </c>
      <c r="G1583">
        <v>-58496500</v>
      </c>
    </row>
    <row r="1584" spans="6:7" x14ac:dyDescent="0.25">
      <c r="F1584">
        <v>5.8582299999999997E-2</v>
      </c>
      <c r="G1584">
        <v>-59102800</v>
      </c>
    </row>
    <row r="1585" spans="6:7" x14ac:dyDescent="0.25">
      <c r="F1585">
        <v>5.9493900000000002E-2</v>
      </c>
      <c r="G1585">
        <v>-59372800</v>
      </c>
    </row>
    <row r="1586" spans="6:7" x14ac:dyDescent="0.25">
      <c r="F1586">
        <v>6.0717199999999999E-2</v>
      </c>
      <c r="G1586">
        <v>-59836000</v>
      </c>
    </row>
    <row r="1587" spans="6:7" x14ac:dyDescent="0.25">
      <c r="F1587">
        <v>6.3953800000000005E-2</v>
      </c>
      <c r="G1587">
        <v>-60635400</v>
      </c>
    </row>
    <row r="1588" spans="6:7" x14ac:dyDescent="0.25">
      <c r="F1588">
        <v>6.7454600000000003E-2</v>
      </c>
      <c r="G1588">
        <v>-61662800</v>
      </c>
    </row>
    <row r="1589" spans="6:7" x14ac:dyDescent="0.25">
      <c r="F1589">
        <v>7.1241200000000005E-2</v>
      </c>
      <c r="G1589">
        <v>-62804700</v>
      </c>
    </row>
    <row r="1590" spans="6:7" x14ac:dyDescent="0.25">
      <c r="F1590">
        <v>7.5336899999999998E-2</v>
      </c>
      <c r="G1590">
        <v>-64067700</v>
      </c>
    </row>
    <row r="1591" spans="6:7" x14ac:dyDescent="0.25">
      <c r="F1591">
        <v>7.9767000000000005E-2</v>
      </c>
      <c r="G1591">
        <v>-65455300</v>
      </c>
    </row>
    <row r="1592" spans="6:7" x14ac:dyDescent="0.25">
      <c r="F1592">
        <v>8.4558800000000003E-2</v>
      </c>
      <c r="G1592">
        <v>-66967500</v>
      </c>
    </row>
    <row r="1593" spans="6:7" x14ac:dyDescent="0.25">
      <c r="F1593">
        <v>8.9741799999999997E-2</v>
      </c>
      <c r="G1593">
        <v>-68597900</v>
      </c>
    </row>
    <row r="1594" spans="6:7" x14ac:dyDescent="0.25">
      <c r="F1594">
        <v>9.5347899999999999E-2</v>
      </c>
      <c r="G1594">
        <v>-70331600</v>
      </c>
    </row>
    <row r="1595" spans="6:7" x14ac:dyDescent="0.25">
      <c r="F1595">
        <v>0.101412</v>
      </c>
      <c r="G1595">
        <v>-72140700</v>
      </c>
    </row>
    <row r="1596" spans="6:7" x14ac:dyDescent="0.25">
      <c r="F1596">
        <v>0.107971</v>
      </c>
      <c r="G1596">
        <v>-73979600</v>
      </c>
    </row>
    <row r="1597" spans="6:7" x14ac:dyDescent="0.25">
      <c r="F1597">
        <v>0.115065</v>
      </c>
      <c r="G1597">
        <v>-75777400</v>
      </c>
    </row>
    <row r="1598" spans="6:7" x14ac:dyDescent="0.25">
      <c r="F1598">
        <v>0.122738</v>
      </c>
      <c r="G1598">
        <v>-77428500</v>
      </c>
    </row>
    <row r="1599" spans="6:7" x14ac:dyDescent="0.25">
      <c r="F1599">
        <v>0.13103799999999999</v>
      </c>
      <c r="G1599">
        <v>-78779700</v>
      </c>
    </row>
    <row r="1600" spans="6:7" x14ac:dyDescent="0.25">
      <c r="F1600">
        <v>0.140016</v>
      </c>
      <c r="G1600">
        <v>-79612800</v>
      </c>
    </row>
    <row r="1601" spans="1:7" x14ac:dyDescent="0.25">
      <c r="F1601">
        <v>0.149726</v>
      </c>
      <c r="G1601">
        <v>-79867700</v>
      </c>
    </row>
    <row r="1603" spans="1:7" x14ac:dyDescent="0.25">
      <c r="A1603" t="s">
        <v>30</v>
      </c>
    </row>
    <row r="1604" spans="1:7" x14ac:dyDescent="0.25">
      <c r="A1604" t="s">
        <v>18</v>
      </c>
      <c r="B1604" t="s">
        <v>27</v>
      </c>
      <c r="C1604" t="s">
        <v>31</v>
      </c>
      <c r="D1604" t="s">
        <v>18</v>
      </c>
      <c r="E1604" t="s">
        <v>24</v>
      </c>
    </row>
    <row r="1605" spans="1:7" x14ac:dyDescent="0.25">
      <c r="A1605">
        <v>0</v>
      </c>
      <c r="B1605">
        <v>141531379.96793801</v>
      </c>
      <c r="C1605">
        <v>16952384.3404589</v>
      </c>
      <c r="D1605">
        <v>0</v>
      </c>
      <c r="E1605">
        <v>33802200</v>
      </c>
    </row>
    <row r="1606" spans="1:7" x14ac:dyDescent="0.25">
      <c r="A1606">
        <v>2E-3</v>
      </c>
      <c r="B1606">
        <v>158069020.078087</v>
      </c>
      <c r="C1606">
        <v>15205727.0668726</v>
      </c>
      <c r="D1606">
        <v>6.5733800000000004E-4</v>
      </c>
      <c r="E1606">
        <v>47287900</v>
      </c>
    </row>
    <row r="1607" spans="1:7" x14ac:dyDescent="0.25">
      <c r="A1607">
        <v>4.0000000000000001E-3</v>
      </c>
      <c r="B1607">
        <v>182634032.24209499</v>
      </c>
      <c r="C1607">
        <v>14492338.730609501</v>
      </c>
      <c r="D1607">
        <v>1.3146799999999999E-3</v>
      </c>
      <c r="E1607">
        <v>71462900</v>
      </c>
    </row>
    <row r="1608" spans="1:7" x14ac:dyDescent="0.25">
      <c r="A1608">
        <v>6.0000000000000001E-3</v>
      </c>
      <c r="B1608">
        <v>221615768.53821099</v>
      </c>
      <c r="C1608">
        <v>13601860.088501001</v>
      </c>
      <c r="D1608">
        <v>1.9720200000000001E-3</v>
      </c>
      <c r="E1608">
        <v>93083500</v>
      </c>
    </row>
    <row r="1609" spans="1:7" x14ac:dyDescent="0.25">
      <c r="A1609">
        <v>8.0000000000000002E-3</v>
      </c>
      <c r="B1609">
        <v>303818363.86356699</v>
      </c>
      <c r="C1609">
        <v>14456794.6240419</v>
      </c>
      <c r="D1609">
        <v>2.6293499999999999E-3</v>
      </c>
      <c r="E1609">
        <v>116017000</v>
      </c>
    </row>
    <row r="1610" spans="1:7" x14ac:dyDescent="0.25">
      <c r="A1610">
        <v>0.01</v>
      </c>
      <c r="B1610">
        <v>293052736.76609302</v>
      </c>
      <c r="C1610">
        <v>14503911.343908399</v>
      </c>
      <c r="D1610">
        <v>3.2866900000000001E-3</v>
      </c>
      <c r="E1610">
        <v>142140000</v>
      </c>
    </row>
    <row r="1611" spans="1:7" x14ac:dyDescent="0.25">
      <c r="A1611">
        <v>1.2E-2</v>
      </c>
      <c r="B1611">
        <v>287508103.92937303</v>
      </c>
      <c r="C1611">
        <v>13396355.017473601</v>
      </c>
      <c r="D1611">
        <v>3.9440300000000003E-3</v>
      </c>
      <c r="E1611">
        <v>167589000</v>
      </c>
    </row>
    <row r="1612" spans="1:7" x14ac:dyDescent="0.25">
      <c r="A1612">
        <v>1.4E-2</v>
      </c>
      <c r="B1612">
        <v>289831272.57156098</v>
      </c>
      <c r="C1612">
        <v>12743626.491686299</v>
      </c>
      <c r="D1612">
        <v>4.6013699999999996E-3</v>
      </c>
      <c r="E1612">
        <v>187448000</v>
      </c>
    </row>
    <row r="1613" spans="1:7" x14ac:dyDescent="0.25">
      <c r="A1613">
        <v>1.6E-2</v>
      </c>
      <c r="B1613">
        <v>270171687.184789</v>
      </c>
      <c r="C1613">
        <v>13178341.903936701</v>
      </c>
      <c r="D1613">
        <v>5.2587099999999998E-3</v>
      </c>
      <c r="E1613">
        <v>192908000</v>
      </c>
    </row>
    <row r="1614" spans="1:7" x14ac:dyDescent="0.25">
      <c r="A1614">
        <v>1.7999999999999999E-2</v>
      </c>
      <c r="B1614">
        <v>235879398.31496099</v>
      </c>
      <c r="C1614">
        <v>13185854.1537361</v>
      </c>
      <c r="D1614">
        <v>5.91605E-3</v>
      </c>
      <c r="E1614">
        <v>185279000</v>
      </c>
    </row>
    <row r="1615" spans="1:7" x14ac:dyDescent="0.25">
      <c r="A1615">
        <v>0.02</v>
      </c>
      <c r="B1615">
        <v>208256174.52397999</v>
      </c>
      <c r="C1615">
        <v>12418007.2207144</v>
      </c>
      <c r="D1615">
        <v>6.57341E-3</v>
      </c>
      <c r="E1615">
        <v>180768000</v>
      </c>
    </row>
    <row r="1616" spans="1:7" x14ac:dyDescent="0.25">
      <c r="A1616">
        <v>2.1999999999999999E-2</v>
      </c>
      <c r="B1616">
        <v>177386168.43777901</v>
      </c>
      <c r="C1616">
        <v>13988601.0242061</v>
      </c>
      <c r="D1616">
        <v>7.32118E-3</v>
      </c>
      <c r="E1616">
        <v>201464000</v>
      </c>
    </row>
    <row r="1617" spans="1:5" x14ac:dyDescent="0.25">
      <c r="A1617">
        <v>2.4E-2</v>
      </c>
      <c r="B1617">
        <v>121643186.087055</v>
      </c>
      <c r="C1617">
        <v>13371287.6725883</v>
      </c>
      <c r="D1617">
        <v>8.1372600000000003E-3</v>
      </c>
      <c r="E1617">
        <v>222382000</v>
      </c>
    </row>
    <row r="1618" spans="1:5" x14ac:dyDescent="0.25">
      <c r="A1618">
        <v>2.5999999999999999E-2</v>
      </c>
      <c r="B1618">
        <v>35843738.310382403</v>
      </c>
      <c r="C1618">
        <v>12369875.1175838</v>
      </c>
      <c r="D1618">
        <v>9.02793E-3</v>
      </c>
      <c r="E1618">
        <v>228771000</v>
      </c>
    </row>
    <row r="1619" spans="1:5" x14ac:dyDescent="0.25">
      <c r="A1619">
        <v>2.8000000000000001E-2</v>
      </c>
      <c r="B1619">
        <v>26373853.145383898</v>
      </c>
      <c r="C1619">
        <v>12894853.7794868</v>
      </c>
      <c r="D1619">
        <v>0.01</v>
      </c>
      <c r="E1619">
        <v>243622000</v>
      </c>
    </row>
    <row r="1620" spans="1:5" x14ac:dyDescent="0.25">
      <c r="A1620">
        <v>0.03</v>
      </c>
      <c r="B1620">
        <v>-3090252.7305042502</v>
      </c>
      <c r="C1620">
        <v>13116976.5257739</v>
      </c>
      <c r="D1620">
        <v>1.0999999999999999E-2</v>
      </c>
      <c r="E1620">
        <v>261022000</v>
      </c>
    </row>
    <row r="1621" spans="1:5" x14ac:dyDescent="0.25">
      <c r="A1621">
        <v>3.2000000000000001E-2</v>
      </c>
      <c r="B1621">
        <v>-30808530.999878298</v>
      </c>
      <c r="C1621">
        <v>12101355.1698236</v>
      </c>
      <c r="D1621">
        <v>1.2E-2</v>
      </c>
      <c r="E1621">
        <v>276686000</v>
      </c>
    </row>
    <row r="1622" spans="1:5" x14ac:dyDescent="0.25">
      <c r="A1622">
        <v>3.4000000000000002E-2</v>
      </c>
      <c r="B1622">
        <v>-31584152.006568301</v>
      </c>
      <c r="C1622">
        <v>12326372.1159689</v>
      </c>
      <c r="D1622">
        <v>1.2999999999999999E-2</v>
      </c>
      <c r="E1622">
        <v>291280000</v>
      </c>
    </row>
    <row r="1623" spans="1:5" x14ac:dyDescent="0.25">
      <c r="A1623">
        <v>3.5999999999999997E-2</v>
      </c>
      <c r="B1623">
        <v>-6418225.6408726703</v>
      </c>
      <c r="C1623">
        <v>12655598.850528101</v>
      </c>
      <c r="D1623">
        <v>1.4E-2</v>
      </c>
      <c r="E1623">
        <v>303452000</v>
      </c>
    </row>
    <row r="1624" spans="1:5" x14ac:dyDescent="0.25">
      <c r="A1624">
        <v>3.7999999999999999E-2</v>
      </c>
      <c r="B1624">
        <v>-36175679.018555701</v>
      </c>
      <c r="C1624">
        <v>12721447.7014516</v>
      </c>
      <c r="D1624">
        <v>1.4999999999999999E-2</v>
      </c>
      <c r="E1624">
        <v>313419000</v>
      </c>
    </row>
    <row r="1625" spans="1:5" x14ac:dyDescent="0.25">
      <c r="A1625">
        <v>0.04</v>
      </c>
      <c r="B1625">
        <v>-40480241.581601299</v>
      </c>
      <c r="C1625">
        <v>12981579.889865801</v>
      </c>
      <c r="D1625">
        <v>1.6E-2</v>
      </c>
      <c r="E1625">
        <v>313004000</v>
      </c>
    </row>
    <row r="1626" spans="1:5" x14ac:dyDescent="0.25">
      <c r="A1626">
        <v>4.2000000000000003E-2</v>
      </c>
      <c r="B1626">
        <v>-47512409.729219101</v>
      </c>
      <c r="C1626">
        <v>13674649.684684001</v>
      </c>
      <c r="D1626">
        <v>1.7000000000000001E-2</v>
      </c>
      <c r="E1626">
        <v>286635000</v>
      </c>
    </row>
    <row r="1627" spans="1:5" x14ac:dyDescent="0.25">
      <c r="A1627">
        <v>4.3999999999999997E-2</v>
      </c>
      <c r="B1627">
        <v>-61774766.162175998</v>
      </c>
      <c r="C1627">
        <v>11640385.665410399</v>
      </c>
      <c r="D1627">
        <v>1.7999999999999999E-2</v>
      </c>
      <c r="E1627">
        <v>251873000</v>
      </c>
    </row>
    <row r="1628" spans="1:5" x14ac:dyDescent="0.25">
      <c r="A1628">
        <v>4.5999999999999999E-2</v>
      </c>
      <c r="B1628">
        <v>-84812212.397483096</v>
      </c>
      <c r="C1628">
        <v>10934219.641305801</v>
      </c>
      <c r="D1628">
        <v>1.9E-2</v>
      </c>
      <c r="E1628">
        <v>224066000</v>
      </c>
    </row>
    <row r="1629" spans="1:5" x14ac:dyDescent="0.25">
      <c r="A1629">
        <v>4.8000000000000001E-2</v>
      </c>
      <c r="B1629">
        <v>-27391368.5980119</v>
      </c>
      <c r="C1629">
        <v>11936432.1105664</v>
      </c>
      <c r="D1629">
        <v>0.02</v>
      </c>
      <c r="E1629">
        <v>192125000</v>
      </c>
    </row>
    <row r="1630" spans="1:5" x14ac:dyDescent="0.25">
      <c r="A1630">
        <v>0.05</v>
      </c>
      <c r="B1630">
        <v>-28479653.204603601</v>
      </c>
      <c r="C1630">
        <v>13405379.9116317</v>
      </c>
      <c r="D1630">
        <v>2.1000000000000001E-2</v>
      </c>
      <c r="E1630">
        <v>159174000</v>
      </c>
    </row>
    <row r="1631" spans="1:5" x14ac:dyDescent="0.25">
      <c r="A1631">
        <v>5.1999999999999998E-2</v>
      </c>
      <c r="B1631">
        <v>-54231678.259136103</v>
      </c>
      <c r="C1631">
        <v>13459049.0771529</v>
      </c>
      <c r="D1631">
        <v>2.1999999999999999E-2</v>
      </c>
      <c r="E1631">
        <v>129059000</v>
      </c>
    </row>
    <row r="1632" spans="1:5" x14ac:dyDescent="0.25">
      <c r="A1632">
        <v>5.3999999999999999E-2</v>
      </c>
      <c r="B1632">
        <v>-53477417.808509201</v>
      </c>
      <c r="C1632">
        <v>13291403.155479001</v>
      </c>
      <c r="D1632">
        <v>2.3E-2</v>
      </c>
      <c r="E1632">
        <v>102441000</v>
      </c>
    </row>
    <row r="1633" spans="1:5" x14ac:dyDescent="0.25">
      <c r="A1633">
        <v>5.6000000000000001E-2</v>
      </c>
      <c r="B1633">
        <v>-44819167.062264897</v>
      </c>
      <c r="C1633">
        <v>12705744.0659367</v>
      </c>
      <c r="D1633">
        <v>2.4E-2</v>
      </c>
      <c r="E1633">
        <v>72053600</v>
      </c>
    </row>
    <row r="1634" spans="1:5" x14ac:dyDescent="0.25">
      <c r="A1634">
        <v>5.8000000000000003E-2</v>
      </c>
      <c r="B1634">
        <v>-51571729.836829104</v>
      </c>
      <c r="C1634">
        <v>13056371.6521996</v>
      </c>
      <c r="D1634">
        <v>2.5999999999999999E-2</v>
      </c>
      <c r="E1634">
        <v>31986900</v>
      </c>
    </row>
    <row r="1635" spans="1:5" x14ac:dyDescent="0.25">
      <c r="A1635">
        <v>0.06</v>
      </c>
      <c r="B1635">
        <v>-36438480.083045803</v>
      </c>
      <c r="C1635">
        <v>13570760.9996347</v>
      </c>
      <c r="D1635">
        <v>2.8888899999999999E-2</v>
      </c>
      <c r="E1635">
        <v>-8907760</v>
      </c>
    </row>
    <row r="1636" spans="1:5" x14ac:dyDescent="0.25">
      <c r="A1636">
        <v>6.2E-2</v>
      </c>
      <c r="B1636">
        <v>-66930676.844885103</v>
      </c>
      <c r="C1636">
        <v>12909676.159140101</v>
      </c>
      <c r="D1636">
        <v>3.1777800000000002E-2</v>
      </c>
      <c r="E1636">
        <v>-18992900</v>
      </c>
    </row>
    <row r="1637" spans="1:5" x14ac:dyDescent="0.25">
      <c r="A1637">
        <v>6.4000000000000001E-2</v>
      </c>
      <c r="B1637">
        <v>-55113871.151195601</v>
      </c>
      <c r="C1637">
        <v>12989394.514056601</v>
      </c>
      <c r="D1637">
        <v>3.4666700000000002E-2</v>
      </c>
      <c r="E1637">
        <v>-19610900</v>
      </c>
    </row>
    <row r="1638" spans="1:5" x14ac:dyDescent="0.25">
      <c r="A1638">
        <v>6.6000000000000003E-2</v>
      </c>
      <c r="B1638">
        <v>-55714622.612458497</v>
      </c>
      <c r="C1638">
        <v>13344550.3667043</v>
      </c>
      <c r="D1638">
        <v>3.7555600000000001E-2</v>
      </c>
      <c r="E1638">
        <v>-20069100</v>
      </c>
    </row>
    <row r="1639" spans="1:5" x14ac:dyDescent="0.25">
      <c r="A1639">
        <v>6.8000000000000005E-2</v>
      </c>
      <c r="B1639">
        <v>-25358437.136576701</v>
      </c>
      <c r="C1639">
        <v>13677169.034759801</v>
      </c>
      <c r="D1639">
        <v>4.0444399999999998E-2</v>
      </c>
      <c r="E1639">
        <v>-20650800</v>
      </c>
    </row>
    <row r="1640" spans="1:5" x14ac:dyDescent="0.25">
      <c r="A1640">
        <v>7.0000000000000007E-2</v>
      </c>
      <c r="B1640">
        <v>-51607537.718007803</v>
      </c>
      <c r="C1640">
        <v>14030150.450982001</v>
      </c>
      <c r="D1640">
        <v>4.3333299999999998E-2</v>
      </c>
      <c r="E1640">
        <v>-21300100</v>
      </c>
    </row>
    <row r="1641" spans="1:5" x14ac:dyDescent="0.25">
      <c r="A1641">
        <v>7.1999999999999995E-2</v>
      </c>
      <c r="B1641">
        <v>-37737477.652583197</v>
      </c>
      <c r="C1641">
        <v>13222332.7369128</v>
      </c>
      <c r="D1641">
        <v>4.6222199999999998E-2</v>
      </c>
      <c r="E1641">
        <v>-22007900</v>
      </c>
    </row>
    <row r="1642" spans="1:5" x14ac:dyDescent="0.25">
      <c r="A1642">
        <v>7.3999999999999996E-2</v>
      </c>
      <c r="B1642">
        <v>-29970133.2758573</v>
      </c>
      <c r="C1642">
        <v>14299865.230410701</v>
      </c>
      <c r="D1642">
        <v>4.9111099999999998E-2</v>
      </c>
      <c r="E1642">
        <v>-22726000</v>
      </c>
    </row>
    <row r="1643" spans="1:5" x14ac:dyDescent="0.25">
      <c r="A1643">
        <v>7.5999999999999998E-2</v>
      </c>
      <c r="B1643">
        <v>-59606189.876187898</v>
      </c>
      <c r="C1643">
        <v>13231238.506603099</v>
      </c>
      <c r="D1643">
        <v>5.1999999999999998E-2</v>
      </c>
      <c r="E1643">
        <v>-23722600</v>
      </c>
    </row>
    <row r="1644" spans="1:5" x14ac:dyDescent="0.25">
      <c r="A1644">
        <v>7.8E-2</v>
      </c>
      <c r="B1644">
        <v>-60762792.877106503</v>
      </c>
      <c r="C1644">
        <v>15261617.643240999</v>
      </c>
      <c r="D1644">
        <v>5.8000000000000003E-2</v>
      </c>
      <c r="E1644">
        <v>-24951800</v>
      </c>
    </row>
    <row r="1645" spans="1:5" x14ac:dyDescent="0.25">
      <c r="A1645">
        <v>0.08</v>
      </c>
      <c r="B1645">
        <v>-71615708.688548595</v>
      </c>
      <c r="C1645">
        <v>13265424.399909999</v>
      </c>
      <c r="D1645">
        <v>5.8865199999999999E-2</v>
      </c>
      <c r="E1645">
        <v>-25669400</v>
      </c>
    </row>
    <row r="1646" spans="1:5" x14ac:dyDescent="0.25">
      <c r="A1646">
        <v>8.2000000000000003E-2</v>
      </c>
      <c r="B1646">
        <v>-39352743.8175776</v>
      </c>
      <c r="C1646">
        <v>13775288.9190832</v>
      </c>
      <c r="D1646">
        <v>5.9776700000000002E-2</v>
      </c>
      <c r="E1646">
        <v>-25975800</v>
      </c>
    </row>
    <row r="1647" spans="1:5" x14ac:dyDescent="0.25">
      <c r="A1647">
        <v>8.4000000000000005E-2</v>
      </c>
      <c r="B1647">
        <v>-59067837.738285802</v>
      </c>
      <c r="C1647">
        <v>12677822.017986899</v>
      </c>
      <c r="D1647">
        <v>6.0999999999999999E-2</v>
      </c>
      <c r="E1647">
        <v>-26546200</v>
      </c>
    </row>
    <row r="1648" spans="1:5" x14ac:dyDescent="0.25">
      <c r="A1648">
        <v>8.5999999999999993E-2</v>
      </c>
      <c r="B1648">
        <v>-54615554.5031882</v>
      </c>
      <c r="C1648">
        <v>13260619.872185299</v>
      </c>
      <c r="D1648">
        <v>6.4236399999999999E-2</v>
      </c>
      <c r="E1648">
        <v>-27534800</v>
      </c>
    </row>
    <row r="1649" spans="1:5" x14ac:dyDescent="0.25">
      <c r="A1649">
        <v>8.7999999999999995E-2</v>
      </c>
      <c r="B1649">
        <v>-55252204.432733402</v>
      </c>
      <c r="C1649">
        <v>12701739.692009499</v>
      </c>
      <c r="D1649">
        <v>6.7737000000000006E-2</v>
      </c>
      <c r="E1649">
        <v>-28787500</v>
      </c>
    </row>
    <row r="1650" spans="1:5" x14ac:dyDescent="0.25">
      <c r="A1650">
        <v>0.09</v>
      </c>
      <c r="B1650">
        <v>-79652815.175833195</v>
      </c>
      <c r="C1650">
        <v>12986540.248373199</v>
      </c>
      <c r="D1650">
        <v>7.1523299999999998E-2</v>
      </c>
      <c r="E1650">
        <v>-30189600</v>
      </c>
    </row>
    <row r="1651" spans="1:5" x14ac:dyDescent="0.25">
      <c r="A1651">
        <v>9.1999999999999998E-2</v>
      </c>
      <c r="B1651">
        <v>-73449333.532567993</v>
      </c>
      <c r="C1651">
        <v>13247639.5716001</v>
      </c>
      <c r="D1651">
        <v>7.56188E-2</v>
      </c>
      <c r="E1651">
        <v>-31750600</v>
      </c>
    </row>
    <row r="1652" spans="1:5" x14ac:dyDescent="0.25">
      <c r="A1652">
        <v>9.4E-2</v>
      </c>
      <c r="B1652">
        <v>-44772292.900748298</v>
      </c>
      <c r="C1652">
        <v>13223013.644500099</v>
      </c>
      <c r="D1652">
        <v>8.0048499999999995E-2</v>
      </c>
      <c r="E1652">
        <v>-33478100</v>
      </c>
    </row>
    <row r="1653" spans="1:5" x14ac:dyDescent="0.25">
      <c r="A1653">
        <v>9.6000000000000002E-2</v>
      </c>
      <c r="B1653">
        <v>-50304660.821253501</v>
      </c>
      <c r="C1653">
        <v>15292363.813863</v>
      </c>
      <c r="D1653">
        <v>8.4839899999999996E-2</v>
      </c>
      <c r="E1653">
        <v>-35375700</v>
      </c>
    </row>
    <row r="1654" spans="1:5" x14ac:dyDescent="0.25">
      <c r="A1654">
        <v>9.8000000000000004E-2</v>
      </c>
      <c r="B1654">
        <v>-73269251.494686499</v>
      </c>
      <c r="C1654">
        <v>13496523.3210545</v>
      </c>
      <c r="D1654">
        <v>9.0022500000000005E-2</v>
      </c>
      <c r="E1654">
        <v>-37440800</v>
      </c>
    </row>
    <row r="1655" spans="1:5" x14ac:dyDescent="0.25">
      <c r="A1655">
        <v>0.1</v>
      </c>
      <c r="B1655">
        <v>-69569220.379158095</v>
      </c>
      <c r="C1655">
        <v>12928164.878979901</v>
      </c>
      <c r="D1655">
        <v>9.5628099999999994E-2</v>
      </c>
      <c r="E1655">
        <v>-39661300</v>
      </c>
    </row>
    <row r="1656" spans="1:5" x14ac:dyDescent="0.25">
      <c r="A1656">
        <v>0.10199999999999999</v>
      </c>
      <c r="B1656">
        <v>-38214087.219721504</v>
      </c>
      <c r="C1656">
        <v>13544895.386314901</v>
      </c>
      <c r="D1656">
        <v>0.101691</v>
      </c>
      <c r="E1656">
        <v>-42011700</v>
      </c>
    </row>
    <row r="1657" spans="1:5" x14ac:dyDescent="0.25">
      <c r="A1657">
        <v>0.104</v>
      </c>
      <c r="B1657">
        <v>-62034201.458369099</v>
      </c>
      <c r="C1657">
        <v>13392076.350018799</v>
      </c>
      <c r="D1657">
        <v>0.108249</v>
      </c>
      <c r="E1657">
        <v>-44446800</v>
      </c>
    </row>
    <row r="1658" spans="1:5" x14ac:dyDescent="0.25">
      <c r="A1658">
        <v>0.106</v>
      </c>
      <c r="B1658">
        <v>-70891209.835119903</v>
      </c>
      <c r="C1658">
        <v>13361910.875266001</v>
      </c>
      <c r="D1658">
        <v>0.115343</v>
      </c>
      <c r="E1658">
        <v>-46895100</v>
      </c>
    </row>
    <row r="1659" spans="1:5" x14ac:dyDescent="0.25">
      <c r="A1659">
        <v>0.108</v>
      </c>
      <c r="B1659">
        <v>-60441333.562164299</v>
      </c>
      <c r="C1659">
        <v>13814159.603351301</v>
      </c>
      <c r="D1659">
        <v>0.123016</v>
      </c>
      <c r="E1659">
        <v>-49247400</v>
      </c>
    </row>
    <row r="1660" spans="1:5" x14ac:dyDescent="0.25">
      <c r="A1660">
        <v>0.11</v>
      </c>
      <c r="B1660">
        <v>-78001062.540344596</v>
      </c>
      <c r="C1660">
        <v>12308132.0678216</v>
      </c>
      <c r="D1660">
        <v>0.13131399999999999</v>
      </c>
      <c r="E1660">
        <v>-51344100</v>
      </c>
    </row>
    <row r="1661" spans="1:5" x14ac:dyDescent="0.25">
      <c r="A1661">
        <v>0.112</v>
      </c>
      <c r="B1661">
        <v>-58242244.372239299</v>
      </c>
      <c r="C1661">
        <v>13760420.28263</v>
      </c>
      <c r="D1661">
        <v>0.140291</v>
      </c>
      <c r="E1661">
        <v>-52957000</v>
      </c>
    </row>
    <row r="1662" spans="1:5" x14ac:dyDescent="0.25">
      <c r="A1662">
        <v>0.114</v>
      </c>
      <c r="B1662">
        <v>-106033612.982115</v>
      </c>
      <c r="C1662">
        <v>13617199.2638715</v>
      </c>
      <c r="D1662">
        <v>0.15</v>
      </c>
      <c r="E1662">
        <v>-53608800</v>
      </c>
    </row>
    <row r="1663" spans="1:5" x14ac:dyDescent="0.25">
      <c r="A1663">
        <v>0.11600000000000001</v>
      </c>
      <c r="B1663">
        <v>-78197864.301558599</v>
      </c>
      <c r="C1663">
        <v>12315299.348539099</v>
      </c>
    </row>
    <row r="1664" spans="1:5" x14ac:dyDescent="0.25">
      <c r="A1664">
        <v>0.11799999999999999</v>
      </c>
      <c r="B1664">
        <v>-86061388.053741798</v>
      </c>
      <c r="C1664">
        <v>12823260.2950188</v>
      </c>
    </row>
    <row r="1665" spans="1:5" x14ac:dyDescent="0.25">
      <c r="A1665">
        <v>0.12</v>
      </c>
      <c r="B1665">
        <v>-84478039.8804539</v>
      </c>
      <c r="C1665">
        <v>12744797.089712201</v>
      </c>
    </row>
    <row r="1666" spans="1:5" x14ac:dyDescent="0.25">
      <c r="A1666">
        <v>0.122</v>
      </c>
      <c r="B1666">
        <v>-86005967.800437406</v>
      </c>
      <c r="C1666">
        <v>12596675.9128698</v>
      </c>
    </row>
    <row r="1667" spans="1:5" x14ac:dyDescent="0.25">
      <c r="A1667">
        <v>0.124</v>
      </c>
      <c r="B1667">
        <v>-70453049.358830899</v>
      </c>
      <c r="C1667">
        <v>13877222.292750999</v>
      </c>
    </row>
    <row r="1668" spans="1:5" x14ac:dyDescent="0.25">
      <c r="A1668">
        <v>0.126</v>
      </c>
      <c r="B1668">
        <v>-64204009.549458399</v>
      </c>
      <c r="C1668">
        <v>12798038.895814201</v>
      </c>
    </row>
    <row r="1669" spans="1:5" x14ac:dyDescent="0.25">
      <c r="A1669">
        <v>0.128</v>
      </c>
      <c r="B1669">
        <v>-77553009.740693897</v>
      </c>
      <c r="C1669">
        <v>13306092.9444755</v>
      </c>
    </row>
    <row r="1670" spans="1:5" x14ac:dyDescent="0.25">
      <c r="A1670">
        <v>0.13</v>
      </c>
      <c r="B1670">
        <v>-83721510.708218306</v>
      </c>
      <c r="C1670">
        <v>13535094.6816357</v>
      </c>
    </row>
    <row r="1672" spans="1:5" x14ac:dyDescent="0.25">
      <c r="A1672" t="s">
        <v>32</v>
      </c>
    </row>
    <row r="1673" spans="1:5" x14ac:dyDescent="0.25">
      <c r="A1673" t="s">
        <v>18</v>
      </c>
      <c r="B1673" t="s">
        <v>27</v>
      </c>
      <c r="C1673" t="s">
        <v>31</v>
      </c>
      <c r="D1673" t="s">
        <v>18</v>
      </c>
      <c r="E1673" t="s">
        <v>24</v>
      </c>
    </row>
    <row r="1674" spans="1:5" x14ac:dyDescent="0.25">
      <c r="A1674">
        <v>0</v>
      </c>
      <c r="B1674">
        <v>-107444830.394951</v>
      </c>
      <c r="C1674">
        <v>15970125.5217732</v>
      </c>
      <c r="D1674">
        <v>0</v>
      </c>
      <c r="E1674">
        <v>-195713000</v>
      </c>
    </row>
    <row r="1675" spans="1:5" x14ac:dyDescent="0.25">
      <c r="A1675">
        <v>2E-3</v>
      </c>
      <c r="B1675">
        <v>-87188733.474892199</v>
      </c>
      <c r="C1675">
        <v>14368448.918690201</v>
      </c>
      <c r="D1675">
        <v>6.5733800000000004E-4</v>
      </c>
      <c r="E1675">
        <v>-192556000</v>
      </c>
    </row>
    <row r="1676" spans="1:5" x14ac:dyDescent="0.25">
      <c r="A1676">
        <v>4.0000000000000001E-3</v>
      </c>
      <c r="B1676">
        <v>-34201100.578188799</v>
      </c>
      <c r="C1676">
        <v>12951252.278106701</v>
      </c>
      <c r="D1676">
        <v>1.3146799999999999E-3</v>
      </c>
      <c r="E1676">
        <v>-189915000</v>
      </c>
    </row>
    <row r="1677" spans="1:5" x14ac:dyDescent="0.25">
      <c r="A1677">
        <v>6.0000000000000001E-3</v>
      </c>
      <c r="B1677">
        <v>18885814.703418799</v>
      </c>
      <c r="C1677">
        <v>12461004.0266131</v>
      </c>
      <c r="D1677">
        <v>1.9720200000000001E-3</v>
      </c>
      <c r="E1677">
        <v>-189974000</v>
      </c>
    </row>
    <row r="1678" spans="1:5" x14ac:dyDescent="0.25">
      <c r="A1678">
        <v>8.0000000000000002E-3</v>
      </c>
      <c r="B1678">
        <v>83670615.085297897</v>
      </c>
      <c r="C1678">
        <v>14020220.2703906</v>
      </c>
      <c r="D1678">
        <v>2.6293499999999999E-3</v>
      </c>
      <c r="E1678">
        <v>-179177000</v>
      </c>
    </row>
    <row r="1679" spans="1:5" x14ac:dyDescent="0.25">
      <c r="A1679">
        <v>0.01</v>
      </c>
      <c r="B1679">
        <v>132757778.970304</v>
      </c>
      <c r="C1679">
        <v>13960813.4830021</v>
      </c>
      <c r="D1679">
        <v>3.2866900000000001E-3</v>
      </c>
      <c r="E1679">
        <v>-146724000</v>
      </c>
    </row>
    <row r="1680" spans="1:5" x14ac:dyDescent="0.25">
      <c r="A1680">
        <v>1.2E-2</v>
      </c>
      <c r="B1680">
        <v>170652468.540452</v>
      </c>
      <c r="C1680">
        <v>12278141.5990321</v>
      </c>
      <c r="D1680">
        <v>3.9440300000000003E-3</v>
      </c>
      <c r="E1680">
        <v>-109541000</v>
      </c>
    </row>
    <row r="1681" spans="1:5" x14ac:dyDescent="0.25">
      <c r="A1681">
        <v>1.4E-2</v>
      </c>
      <c r="B1681">
        <v>174056407.189888</v>
      </c>
      <c r="C1681">
        <v>12996043.280366199</v>
      </c>
      <c r="D1681">
        <v>4.6013699999999996E-3</v>
      </c>
      <c r="E1681">
        <v>-68893200</v>
      </c>
    </row>
    <row r="1682" spans="1:5" x14ac:dyDescent="0.25">
      <c r="A1682">
        <v>1.6E-2</v>
      </c>
      <c r="B1682">
        <v>222164314.752103</v>
      </c>
      <c r="C1682">
        <v>12294981.8248042</v>
      </c>
      <c r="D1682">
        <v>5.2587099999999998E-3</v>
      </c>
      <c r="E1682">
        <v>-30330800</v>
      </c>
    </row>
    <row r="1683" spans="1:5" x14ac:dyDescent="0.25">
      <c r="A1683">
        <v>1.7999999999999999E-2</v>
      </c>
      <c r="B1683">
        <v>198364376.90190801</v>
      </c>
      <c r="C1683">
        <v>12400761.959318999</v>
      </c>
      <c r="D1683">
        <v>5.91605E-3</v>
      </c>
      <c r="E1683">
        <v>-17660500</v>
      </c>
    </row>
    <row r="1684" spans="1:5" x14ac:dyDescent="0.25">
      <c r="A1684">
        <v>0.02</v>
      </c>
      <c r="B1684">
        <v>196376367.66784999</v>
      </c>
      <c r="C1684">
        <v>10809709.4060723</v>
      </c>
      <c r="D1684">
        <v>6.57341E-3</v>
      </c>
      <c r="E1684">
        <v>-16902400</v>
      </c>
    </row>
    <row r="1685" spans="1:5" x14ac:dyDescent="0.25">
      <c r="A1685">
        <v>2.5000000000000001E-2</v>
      </c>
      <c r="B1685">
        <v>99214766.091996804</v>
      </c>
      <c r="C1685">
        <v>12005640.219092401</v>
      </c>
      <c r="D1685">
        <v>7.32118E-3</v>
      </c>
      <c r="E1685">
        <v>15958700</v>
      </c>
    </row>
    <row r="1686" spans="1:5" x14ac:dyDescent="0.25">
      <c r="A1686">
        <v>0.03</v>
      </c>
      <c r="B1686">
        <v>30963266.280466501</v>
      </c>
      <c r="C1686">
        <v>12499360.0709021</v>
      </c>
      <c r="D1686">
        <v>8.1372600000000003E-3</v>
      </c>
      <c r="E1686">
        <v>55475300</v>
      </c>
    </row>
    <row r="1687" spans="1:5" x14ac:dyDescent="0.25">
      <c r="A1687">
        <v>3.5000000000000003E-2</v>
      </c>
      <c r="B1687">
        <v>13015366.347842799</v>
      </c>
      <c r="C1687">
        <v>12379922.463123901</v>
      </c>
      <c r="D1687">
        <v>9.02793E-3</v>
      </c>
      <c r="E1687">
        <v>73357100</v>
      </c>
    </row>
    <row r="1688" spans="1:5" x14ac:dyDescent="0.25">
      <c r="A1688">
        <v>0.04</v>
      </c>
      <c r="B1688">
        <v>-4271599.8599302303</v>
      </c>
      <c r="C1688">
        <v>12597985.0832396</v>
      </c>
      <c r="D1688">
        <v>0.01</v>
      </c>
      <c r="E1688">
        <v>96187300</v>
      </c>
    </row>
    <row r="1689" spans="1:5" x14ac:dyDescent="0.25">
      <c r="A1689">
        <v>0.05</v>
      </c>
      <c r="B1689">
        <v>-20259474.559112798</v>
      </c>
      <c r="C1689">
        <v>13111562.3472941</v>
      </c>
      <c r="D1689">
        <v>1.0999999999999999E-2</v>
      </c>
      <c r="E1689">
        <v>121715000</v>
      </c>
    </row>
    <row r="1690" spans="1:5" x14ac:dyDescent="0.25">
      <c r="A1690">
        <v>0.06</v>
      </c>
      <c r="B1690">
        <v>-31787912.697946198</v>
      </c>
      <c r="C1690">
        <v>12422174.7891185</v>
      </c>
      <c r="D1690">
        <v>1.2E-2</v>
      </c>
      <c r="E1690">
        <v>144223000</v>
      </c>
    </row>
    <row r="1691" spans="1:5" x14ac:dyDescent="0.25">
      <c r="A1691">
        <v>7.0000000000000007E-2</v>
      </c>
      <c r="B1691">
        <v>-11913896.2297637</v>
      </c>
      <c r="C1691">
        <v>13082371.647727201</v>
      </c>
      <c r="D1691">
        <v>1.2999999999999999E-2</v>
      </c>
      <c r="E1691">
        <v>165340000</v>
      </c>
    </row>
    <row r="1692" spans="1:5" x14ac:dyDescent="0.25">
      <c r="A1692">
        <v>0.08</v>
      </c>
      <c r="B1692">
        <v>-50157810.410475202</v>
      </c>
      <c r="C1692">
        <v>12695757.708130799</v>
      </c>
      <c r="D1692">
        <v>1.4E-2</v>
      </c>
      <c r="E1692">
        <v>184195000</v>
      </c>
    </row>
    <row r="1693" spans="1:5" x14ac:dyDescent="0.25">
      <c r="A1693">
        <v>0.09</v>
      </c>
      <c r="B1693">
        <v>-30701199.292604402</v>
      </c>
      <c r="C1693">
        <v>11904497.124440201</v>
      </c>
      <c r="D1693">
        <v>1.4999999999999999E-2</v>
      </c>
      <c r="E1693">
        <v>200650000</v>
      </c>
    </row>
    <row r="1694" spans="1:5" x14ac:dyDescent="0.25">
      <c r="A1694">
        <v>0.1</v>
      </c>
      <c r="B1694">
        <v>-38830197.546290398</v>
      </c>
      <c r="C1694">
        <v>12097215.605428901</v>
      </c>
      <c r="D1694">
        <v>1.6E-2</v>
      </c>
      <c r="E1694">
        <v>215748000</v>
      </c>
    </row>
    <row r="1695" spans="1:5" x14ac:dyDescent="0.25">
      <c r="A1695">
        <v>0.12</v>
      </c>
      <c r="B1695">
        <v>-31606999.678441402</v>
      </c>
      <c r="C1695">
        <v>13223698.507524099</v>
      </c>
      <c r="D1695">
        <v>1.7000000000000001E-2</v>
      </c>
      <c r="E1695">
        <v>230899000</v>
      </c>
    </row>
    <row r="1696" spans="1:5" x14ac:dyDescent="0.25">
      <c r="D1696">
        <v>1.7999999999999999E-2</v>
      </c>
      <c r="E1696">
        <v>246105000</v>
      </c>
    </row>
    <row r="1697" spans="4:5" x14ac:dyDescent="0.25">
      <c r="D1697">
        <v>1.9E-2</v>
      </c>
      <c r="E1697">
        <v>242782000</v>
      </c>
    </row>
    <row r="1698" spans="4:5" x14ac:dyDescent="0.25">
      <c r="D1698">
        <v>0.02</v>
      </c>
      <c r="E1698">
        <v>214996000</v>
      </c>
    </row>
    <row r="1699" spans="4:5" x14ac:dyDescent="0.25">
      <c r="D1699">
        <v>2.1000000000000001E-2</v>
      </c>
      <c r="E1699">
        <v>182529000</v>
      </c>
    </row>
    <row r="1700" spans="4:5" x14ac:dyDescent="0.25">
      <c r="D1700">
        <v>2.1999999999999999E-2</v>
      </c>
      <c r="E1700">
        <v>152606000</v>
      </c>
    </row>
    <row r="1701" spans="4:5" x14ac:dyDescent="0.25">
      <c r="D1701">
        <v>2.3E-2</v>
      </c>
      <c r="E1701">
        <v>126029000</v>
      </c>
    </row>
    <row r="1702" spans="4:5" x14ac:dyDescent="0.25">
      <c r="D1702">
        <v>2.4E-2</v>
      </c>
      <c r="E1702">
        <v>95619300</v>
      </c>
    </row>
    <row r="1703" spans="4:5" x14ac:dyDescent="0.25">
      <c r="D1703">
        <v>2.5999999999999999E-2</v>
      </c>
      <c r="E1703">
        <v>55511200</v>
      </c>
    </row>
    <row r="1704" spans="4:5" x14ac:dyDescent="0.25">
      <c r="D1704">
        <v>2.8888899999999999E-2</v>
      </c>
      <c r="E1704">
        <v>14556800</v>
      </c>
    </row>
    <row r="1705" spans="4:5" x14ac:dyDescent="0.25">
      <c r="D1705">
        <v>3.1777800000000002E-2</v>
      </c>
      <c r="E1705">
        <v>4421630</v>
      </c>
    </row>
    <row r="1706" spans="4:5" x14ac:dyDescent="0.25">
      <c r="D1706">
        <v>3.4666700000000002E-2</v>
      </c>
      <c r="E1706">
        <v>3752060</v>
      </c>
    </row>
    <row r="1707" spans="4:5" x14ac:dyDescent="0.25">
      <c r="D1707">
        <v>3.7555600000000001E-2</v>
      </c>
      <c r="E1707">
        <v>3237200</v>
      </c>
    </row>
    <row r="1708" spans="4:5" x14ac:dyDescent="0.25">
      <c r="D1708">
        <v>4.0444399999999998E-2</v>
      </c>
      <c r="E1708">
        <v>2594350</v>
      </c>
    </row>
    <row r="1709" spans="4:5" x14ac:dyDescent="0.25">
      <c r="D1709">
        <v>4.3333299999999998E-2</v>
      </c>
      <c r="E1709">
        <v>1879790</v>
      </c>
    </row>
    <row r="1710" spans="4:5" x14ac:dyDescent="0.25">
      <c r="D1710">
        <v>4.6222199999999998E-2</v>
      </c>
      <c r="E1710">
        <v>1102350</v>
      </c>
    </row>
    <row r="1711" spans="4:5" x14ac:dyDescent="0.25">
      <c r="D1711">
        <v>4.9111099999999998E-2</v>
      </c>
      <c r="E1711">
        <v>315831</v>
      </c>
    </row>
    <row r="1712" spans="4:5" x14ac:dyDescent="0.25">
      <c r="D1712">
        <v>5.1999999999999998E-2</v>
      </c>
      <c r="E1712">
        <v>-773191</v>
      </c>
    </row>
    <row r="1713" spans="4:5" x14ac:dyDescent="0.25">
      <c r="D1713">
        <v>5.8000000000000003E-2</v>
      </c>
      <c r="E1713">
        <v>-2115830</v>
      </c>
    </row>
    <row r="1714" spans="4:5" x14ac:dyDescent="0.25">
      <c r="D1714">
        <v>5.8865199999999999E-2</v>
      </c>
      <c r="E1714">
        <v>-2899180</v>
      </c>
    </row>
    <row r="1715" spans="4:5" x14ac:dyDescent="0.25">
      <c r="D1715">
        <v>5.9776700000000002E-2</v>
      </c>
      <c r="E1715">
        <v>-3234950</v>
      </c>
    </row>
    <row r="1716" spans="4:5" x14ac:dyDescent="0.25">
      <c r="D1716">
        <v>6.0999999999999999E-2</v>
      </c>
      <c r="E1716">
        <v>-3855780</v>
      </c>
    </row>
    <row r="1717" spans="4:5" x14ac:dyDescent="0.25">
      <c r="D1717">
        <v>6.4236399999999999E-2</v>
      </c>
      <c r="E1717">
        <v>-4930180</v>
      </c>
    </row>
    <row r="1718" spans="4:5" x14ac:dyDescent="0.25">
      <c r="D1718">
        <v>6.7737000000000006E-2</v>
      </c>
      <c r="E1718">
        <v>-6293450</v>
      </c>
    </row>
    <row r="1719" spans="4:5" x14ac:dyDescent="0.25">
      <c r="D1719">
        <v>7.1523299999999998E-2</v>
      </c>
      <c r="E1719">
        <v>-7818580</v>
      </c>
    </row>
    <row r="1720" spans="4:5" x14ac:dyDescent="0.25">
      <c r="D1720">
        <v>7.56188E-2</v>
      </c>
      <c r="E1720">
        <v>-9516360</v>
      </c>
    </row>
    <row r="1721" spans="4:5" x14ac:dyDescent="0.25">
      <c r="D1721">
        <v>8.0048499999999995E-2</v>
      </c>
      <c r="E1721">
        <v>-11395400</v>
      </c>
    </row>
    <row r="1722" spans="4:5" x14ac:dyDescent="0.25">
      <c r="D1722">
        <v>8.4839899999999996E-2</v>
      </c>
      <c r="E1722">
        <v>-13460700</v>
      </c>
    </row>
    <row r="1723" spans="4:5" x14ac:dyDescent="0.25">
      <c r="D1723">
        <v>9.0022500000000005E-2</v>
      </c>
      <c r="E1723">
        <v>-15710100</v>
      </c>
    </row>
    <row r="1724" spans="4:5" x14ac:dyDescent="0.25">
      <c r="D1724">
        <v>9.5628099999999994E-2</v>
      </c>
      <c r="E1724">
        <v>-18132800</v>
      </c>
    </row>
    <row r="1725" spans="4:5" x14ac:dyDescent="0.25">
      <c r="D1725">
        <v>0.101691</v>
      </c>
      <c r="E1725">
        <v>-20703500</v>
      </c>
    </row>
    <row r="1726" spans="4:5" x14ac:dyDescent="0.25">
      <c r="D1726">
        <v>0.108249</v>
      </c>
      <c r="E1726">
        <v>-23377600</v>
      </c>
    </row>
    <row r="1727" spans="4:5" x14ac:dyDescent="0.25">
      <c r="D1727">
        <v>0.115343</v>
      </c>
      <c r="E1727">
        <v>-26082800</v>
      </c>
    </row>
    <row r="1728" spans="4:5" x14ac:dyDescent="0.25">
      <c r="D1728">
        <v>0.123016</v>
      </c>
      <c r="E1728">
        <v>-28708600</v>
      </c>
    </row>
    <row r="1729" spans="1:5" x14ac:dyDescent="0.25">
      <c r="D1729">
        <v>0.13131399999999999</v>
      </c>
      <c r="E1729">
        <v>-31092100</v>
      </c>
    </row>
    <row r="1730" spans="1:5" x14ac:dyDescent="0.25">
      <c r="D1730">
        <v>0.140291</v>
      </c>
      <c r="E1730">
        <v>-32999300</v>
      </c>
    </row>
    <row r="1731" spans="1:5" x14ac:dyDescent="0.25">
      <c r="D1731">
        <v>0.15</v>
      </c>
      <c r="E1731">
        <v>-33799200</v>
      </c>
    </row>
    <row r="1733" spans="1:5" x14ac:dyDescent="0.25">
      <c r="A1733" t="s">
        <v>33</v>
      </c>
    </row>
    <row r="1734" spans="1:5" x14ac:dyDescent="0.25">
      <c r="A1734" t="s">
        <v>18</v>
      </c>
      <c r="B1734" t="s">
        <v>27</v>
      </c>
      <c r="C1734" t="s">
        <v>31</v>
      </c>
      <c r="D1734" t="s">
        <v>18</v>
      </c>
      <c r="E1734" t="s">
        <v>24</v>
      </c>
    </row>
    <row r="1735" spans="1:5" x14ac:dyDescent="0.25">
      <c r="A1735">
        <v>0</v>
      </c>
      <c r="B1735">
        <v>-184458870.83061099</v>
      </c>
      <c r="C1735">
        <v>18636840.944245402</v>
      </c>
      <c r="D1735">
        <v>0</v>
      </c>
      <c r="E1735">
        <v>-224674000</v>
      </c>
    </row>
    <row r="1736" spans="1:5" x14ac:dyDescent="0.25">
      <c r="A1736">
        <v>2E-3</v>
      </c>
      <c r="B1736">
        <v>-208874976.15033901</v>
      </c>
      <c r="C1736">
        <v>16759858.0091895</v>
      </c>
      <c r="D1736">
        <v>6.5733800000000004E-4</v>
      </c>
      <c r="E1736">
        <v>-218144000</v>
      </c>
    </row>
    <row r="1737" spans="1:5" x14ac:dyDescent="0.25">
      <c r="A1737">
        <v>4.0000000000000001E-3</v>
      </c>
      <c r="B1737">
        <v>-110905204.614621</v>
      </c>
      <c r="C1737">
        <v>16834126.726337399</v>
      </c>
      <c r="D1737">
        <v>1.3146799999999999E-3</v>
      </c>
      <c r="E1737">
        <v>-203061000</v>
      </c>
    </row>
    <row r="1738" spans="1:5" x14ac:dyDescent="0.25">
      <c r="A1738">
        <v>6.0000000000000001E-3</v>
      </c>
      <c r="B1738">
        <v>-104291941.412697</v>
      </c>
      <c r="C1738">
        <v>14388002.586498501</v>
      </c>
      <c r="D1738">
        <v>1.9720200000000001E-3</v>
      </c>
      <c r="E1738">
        <v>-187768000</v>
      </c>
    </row>
    <row r="1739" spans="1:5" x14ac:dyDescent="0.25">
      <c r="A1739">
        <v>8.0000000000000002E-3</v>
      </c>
      <c r="B1739">
        <v>-35778844.5549457</v>
      </c>
      <c r="C1739">
        <v>13953069.389088299</v>
      </c>
      <c r="D1739">
        <v>2.6293499999999999E-3</v>
      </c>
      <c r="E1739">
        <v>-173463000</v>
      </c>
    </row>
    <row r="1740" spans="1:5" x14ac:dyDescent="0.25">
      <c r="A1740">
        <v>0.01</v>
      </c>
      <c r="B1740">
        <v>38486425.404490903</v>
      </c>
      <c r="C1740">
        <v>14345226.446985099</v>
      </c>
      <c r="D1740">
        <v>3.2866900000000001E-3</v>
      </c>
      <c r="E1740">
        <v>-174008000</v>
      </c>
    </row>
    <row r="1741" spans="1:5" x14ac:dyDescent="0.25">
      <c r="A1741">
        <v>1.2E-2</v>
      </c>
      <c r="B1741">
        <v>46924859.459098898</v>
      </c>
      <c r="C1741">
        <v>13112150.786822001</v>
      </c>
      <c r="D1741">
        <v>3.9440300000000003E-3</v>
      </c>
      <c r="E1741">
        <v>-183397000</v>
      </c>
    </row>
    <row r="1742" spans="1:5" x14ac:dyDescent="0.25">
      <c r="A1742">
        <v>1.4E-2</v>
      </c>
      <c r="B1742">
        <v>65515113.223151699</v>
      </c>
      <c r="C1742">
        <v>13386349.1341187</v>
      </c>
      <c r="D1742">
        <v>4.6013699999999996E-3</v>
      </c>
      <c r="E1742">
        <v>-172245000</v>
      </c>
    </row>
    <row r="1743" spans="1:5" x14ac:dyDescent="0.25">
      <c r="A1743">
        <v>1.6E-2</v>
      </c>
      <c r="B1743">
        <v>97589606.516753599</v>
      </c>
      <c r="C1743">
        <v>12186935.913897499</v>
      </c>
      <c r="D1743">
        <v>5.2587099999999998E-3</v>
      </c>
      <c r="E1743">
        <v>-163678000</v>
      </c>
    </row>
    <row r="1744" spans="1:5" x14ac:dyDescent="0.25">
      <c r="A1744">
        <v>1.7999999999999999E-2</v>
      </c>
      <c r="B1744">
        <v>107268914.59109201</v>
      </c>
      <c r="C1744">
        <v>12762747.819943501</v>
      </c>
      <c r="D1744">
        <v>5.91605E-3</v>
      </c>
      <c r="E1744">
        <v>-148529000</v>
      </c>
    </row>
    <row r="1745" spans="1:5" x14ac:dyDescent="0.25">
      <c r="A1745">
        <v>0.02</v>
      </c>
      <c r="B1745">
        <v>133418423.93033101</v>
      </c>
      <c r="C1745">
        <v>12982375.149502199</v>
      </c>
      <c r="D1745">
        <v>6.57341E-3</v>
      </c>
      <c r="E1745">
        <v>-116167000</v>
      </c>
    </row>
    <row r="1746" spans="1:5" x14ac:dyDescent="0.25">
      <c r="A1746">
        <v>2.5000000000000001E-2</v>
      </c>
      <c r="B1746">
        <v>118603426.06603301</v>
      </c>
      <c r="C1746">
        <v>11410201.7936613</v>
      </c>
      <c r="D1746">
        <v>7.32118E-3</v>
      </c>
      <c r="E1746">
        <v>-90908600</v>
      </c>
    </row>
    <row r="1747" spans="1:5" x14ac:dyDescent="0.25">
      <c r="A1747">
        <v>0.03</v>
      </c>
      <c r="B1747">
        <v>54961607.542690501</v>
      </c>
      <c r="C1747">
        <v>12691610.221052</v>
      </c>
      <c r="D1747">
        <v>8.1372600000000003E-3</v>
      </c>
      <c r="E1747">
        <v>-71772800</v>
      </c>
    </row>
    <row r="1748" spans="1:5" x14ac:dyDescent="0.25">
      <c r="A1748">
        <v>3.5000000000000003E-2</v>
      </c>
      <c r="B1748">
        <v>29862199.960011099</v>
      </c>
      <c r="C1748">
        <v>12600004.9715167</v>
      </c>
      <c r="D1748">
        <v>9.02793E-3</v>
      </c>
      <c r="E1748">
        <v>-48067900</v>
      </c>
    </row>
    <row r="1749" spans="1:5" x14ac:dyDescent="0.25">
      <c r="A1749">
        <v>0.04</v>
      </c>
      <c r="B1749">
        <v>31496396.020660002</v>
      </c>
      <c r="C1749">
        <v>12167419.0064473</v>
      </c>
      <c r="D1749">
        <v>0.01</v>
      </c>
      <c r="E1749">
        <v>-23553500</v>
      </c>
    </row>
    <row r="1750" spans="1:5" x14ac:dyDescent="0.25">
      <c r="A1750">
        <v>0.05</v>
      </c>
      <c r="B1750">
        <v>-9806147.7334245909</v>
      </c>
      <c r="C1750">
        <v>13150312.6653271</v>
      </c>
      <c r="D1750">
        <v>1.0999999999999999E-2</v>
      </c>
      <c r="E1750">
        <v>-11775300</v>
      </c>
    </row>
    <row r="1751" spans="1:5" x14ac:dyDescent="0.25">
      <c r="A1751">
        <v>0.06</v>
      </c>
      <c r="B1751">
        <v>-28300353.816706199</v>
      </c>
      <c r="C1751">
        <v>14373286.463904399</v>
      </c>
      <c r="D1751">
        <v>1.2E-2</v>
      </c>
      <c r="E1751">
        <v>-7189140</v>
      </c>
    </row>
    <row r="1752" spans="1:5" x14ac:dyDescent="0.25">
      <c r="A1752">
        <v>7.0000000000000007E-2</v>
      </c>
      <c r="B1752">
        <v>-51037913.281480297</v>
      </c>
      <c r="C1752">
        <v>14245638.5370018</v>
      </c>
      <c r="D1752">
        <v>1.2999999999999999E-2</v>
      </c>
      <c r="E1752">
        <v>-2130500</v>
      </c>
    </row>
    <row r="1753" spans="1:5" x14ac:dyDescent="0.25">
      <c r="A1753">
        <v>0.08</v>
      </c>
      <c r="B1753">
        <v>-13963195.264831699</v>
      </c>
      <c r="C1753">
        <v>13763529.4078735</v>
      </c>
      <c r="D1753">
        <v>1.4E-2</v>
      </c>
      <c r="E1753">
        <v>5148450</v>
      </c>
    </row>
    <row r="1754" spans="1:5" x14ac:dyDescent="0.25">
      <c r="A1754">
        <v>0.09</v>
      </c>
      <c r="B1754">
        <v>-20263728.5926098</v>
      </c>
      <c r="C1754">
        <v>13586538.0079186</v>
      </c>
      <c r="D1754">
        <v>1.4999999999999999E-2</v>
      </c>
      <c r="E1754">
        <v>12710600</v>
      </c>
    </row>
    <row r="1755" spans="1:5" x14ac:dyDescent="0.25">
      <c r="A1755">
        <v>0.1</v>
      </c>
      <c r="B1755">
        <v>-43328541.746382996</v>
      </c>
      <c r="C1755">
        <v>14238842.858443899</v>
      </c>
      <c r="D1755">
        <v>1.6E-2</v>
      </c>
      <c r="E1755">
        <v>20216400</v>
      </c>
    </row>
    <row r="1756" spans="1:5" x14ac:dyDescent="0.25">
      <c r="A1756">
        <v>0.12</v>
      </c>
      <c r="B1756">
        <v>-64586562.9173337</v>
      </c>
      <c r="C1756">
        <v>13631161.332675099</v>
      </c>
      <c r="D1756">
        <v>1.7000000000000001E-2</v>
      </c>
      <c r="E1756">
        <v>27659500</v>
      </c>
    </row>
    <row r="1757" spans="1:5" x14ac:dyDescent="0.25">
      <c r="D1757">
        <v>1.7999999999999999E-2</v>
      </c>
      <c r="E1757">
        <v>36006100</v>
      </c>
    </row>
    <row r="1758" spans="1:5" x14ac:dyDescent="0.25">
      <c r="D1758">
        <v>1.9E-2</v>
      </c>
      <c r="E1758">
        <v>45527000</v>
      </c>
    </row>
    <row r="1759" spans="1:5" x14ac:dyDescent="0.25">
      <c r="D1759">
        <v>0.02</v>
      </c>
      <c r="E1759">
        <v>54665500</v>
      </c>
    </row>
    <row r="1760" spans="1:5" x14ac:dyDescent="0.25">
      <c r="D1760">
        <v>2.1000000000000001E-2</v>
      </c>
      <c r="E1760">
        <v>64388500</v>
      </c>
    </row>
    <row r="1761" spans="4:5" x14ac:dyDescent="0.25">
      <c r="D1761">
        <v>2.1999999999999999E-2</v>
      </c>
      <c r="E1761">
        <v>74381800</v>
      </c>
    </row>
    <row r="1762" spans="4:5" x14ac:dyDescent="0.25">
      <c r="D1762">
        <v>2.3E-2</v>
      </c>
      <c r="E1762">
        <v>85108900</v>
      </c>
    </row>
    <row r="1763" spans="4:5" x14ac:dyDescent="0.25">
      <c r="D1763">
        <v>2.4E-2</v>
      </c>
      <c r="E1763">
        <v>92307500</v>
      </c>
    </row>
    <row r="1764" spans="4:5" x14ac:dyDescent="0.25">
      <c r="D1764">
        <v>2.5999999999999999E-2</v>
      </c>
      <c r="E1764">
        <v>77246800</v>
      </c>
    </row>
    <row r="1765" spans="4:5" x14ac:dyDescent="0.25">
      <c r="D1765">
        <v>2.8888899999999999E-2</v>
      </c>
      <c r="E1765">
        <v>37248500</v>
      </c>
    </row>
    <row r="1766" spans="4:5" x14ac:dyDescent="0.25">
      <c r="D1766">
        <v>3.1777800000000002E-2</v>
      </c>
      <c r="E1766">
        <v>27174800</v>
      </c>
    </row>
    <row r="1767" spans="4:5" x14ac:dyDescent="0.25">
      <c r="D1767">
        <v>3.4666700000000002E-2</v>
      </c>
      <c r="E1767">
        <v>26361100</v>
      </c>
    </row>
    <row r="1768" spans="4:5" x14ac:dyDescent="0.25">
      <c r="D1768">
        <v>3.7555600000000001E-2</v>
      </c>
      <c r="E1768">
        <v>25819600</v>
      </c>
    </row>
    <row r="1769" spans="4:5" x14ac:dyDescent="0.25">
      <c r="D1769">
        <v>4.0444399999999998E-2</v>
      </c>
      <c r="E1769">
        <v>25139300</v>
      </c>
    </row>
    <row r="1770" spans="4:5" x14ac:dyDescent="0.25">
      <c r="D1770">
        <v>4.3333299999999998E-2</v>
      </c>
      <c r="E1770">
        <v>24378200</v>
      </c>
    </row>
    <row r="1771" spans="4:5" x14ac:dyDescent="0.25">
      <c r="D1771">
        <v>4.6222199999999998E-2</v>
      </c>
      <c r="E1771">
        <v>23555200</v>
      </c>
    </row>
    <row r="1772" spans="4:5" x14ac:dyDescent="0.25">
      <c r="D1772">
        <v>4.9111099999999998E-2</v>
      </c>
      <c r="E1772">
        <v>22726800</v>
      </c>
    </row>
    <row r="1773" spans="4:5" x14ac:dyDescent="0.25">
      <c r="D1773">
        <v>5.1999999999999998E-2</v>
      </c>
      <c r="E1773">
        <v>21584400</v>
      </c>
    </row>
    <row r="1774" spans="4:5" x14ac:dyDescent="0.25">
      <c r="D1774">
        <v>5.8000000000000003E-2</v>
      </c>
      <c r="E1774">
        <v>20176000</v>
      </c>
    </row>
    <row r="1775" spans="4:5" x14ac:dyDescent="0.25">
      <c r="D1775">
        <v>5.8865199999999999E-2</v>
      </c>
      <c r="E1775">
        <v>19358600</v>
      </c>
    </row>
    <row r="1776" spans="4:5" x14ac:dyDescent="0.25">
      <c r="D1776">
        <v>5.9776700000000002E-2</v>
      </c>
      <c r="E1776">
        <v>19006500</v>
      </c>
    </row>
    <row r="1777" spans="4:5" x14ac:dyDescent="0.25">
      <c r="D1777">
        <v>6.0999999999999999E-2</v>
      </c>
      <c r="E1777">
        <v>18358000</v>
      </c>
    </row>
    <row r="1778" spans="4:5" x14ac:dyDescent="0.25">
      <c r="D1778">
        <v>6.4236399999999999E-2</v>
      </c>
      <c r="E1778">
        <v>17241400</v>
      </c>
    </row>
    <row r="1779" spans="4:5" x14ac:dyDescent="0.25">
      <c r="D1779">
        <v>6.7737000000000006E-2</v>
      </c>
      <c r="E1779">
        <v>15824500</v>
      </c>
    </row>
    <row r="1780" spans="4:5" x14ac:dyDescent="0.25">
      <c r="D1780">
        <v>7.1523299999999998E-2</v>
      </c>
      <c r="E1780">
        <v>14241300</v>
      </c>
    </row>
    <row r="1781" spans="4:5" x14ac:dyDescent="0.25">
      <c r="D1781">
        <v>7.56188E-2</v>
      </c>
      <c r="E1781">
        <v>12480200</v>
      </c>
    </row>
    <row r="1782" spans="4:5" x14ac:dyDescent="0.25">
      <c r="D1782">
        <v>8.0048499999999995E-2</v>
      </c>
      <c r="E1782">
        <v>10530900</v>
      </c>
    </row>
    <row r="1783" spans="4:5" x14ac:dyDescent="0.25">
      <c r="D1783">
        <v>8.4839899999999996E-2</v>
      </c>
      <c r="E1783">
        <v>8386270</v>
      </c>
    </row>
    <row r="1784" spans="4:5" x14ac:dyDescent="0.25">
      <c r="D1784">
        <v>9.0022500000000005E-2</v>
      </c>
      <c r="E1784">
        <v>6044670</v>
      </c>
    </row>
    <row r="1785" spans="4:5" x14ac:dyDescent="0.25">
      <c r="D1785">
        <v>9.5628099999999994E-2</v>
      </c>
      <c r="E1785">
        <v>3512120</v>
      </c>
    </row>
    <row r="1786" spans="4:5" x14ac:dyDescent="0.25">
      <c r="D1786">
        <v>0.101691</v>
      </c>
      <c r="E1786">
        <v>806129</v>
      </c>
    </row>
    <row r="1787" spans="4:5" x14ac:dyDescent="0.25">
      <c r="D1787">
        <v>0.108249</v>
      </c>
      <c r="E1787">
        <v>-2039020</v>
      </c>
    </row>
    <row r="1788" spans="4:5" x14ac:dyDescent="0.25">
      <c r="D1788">
        <v>0.115343</v>
      </c>
      <c r="E1788">
        <v>-4965550</v>
      </c>
    </row>
    <row r="1789" spans="4:5" x14ac:dyDescent="0.25">
      <c r="D1789">
        <v>0.123016</v>
      </c>
      <c r="E1789">
        <v>-7882020</v>
      </c>
    </row>
    <row r="1790" spans="4:5" x14ac:dyDescent="0.25">
      <c r="D1790">
        <v>0.13131399999999999</v>
      </c>
      <c r="E1790">
        <v>-10650100</v>
      </c>
    </row>
    <row r="1791" spans="4:5" x14ac:dyDescent="0.25">
      <c r="D1791">
        <v>0.140291</v>
      </c>
      <c r="E1791">
        <v>-13065300</v>
      </c>
    </row>
    <row r="1792" spans="4:5" x14ac:dyDescent="0.25">
      <c r="D1792">
        <v>0.15</v>
      </c>
      <c r="E1792">
        <v>-14154400</v>
      </c>
    </row>
    <row r="1794" spans="1:5" x14ac:dyDescent="0.25">
      <c r="A1794" t="s">
        <v>34</v>
      </c>
    </row>
    <row r="1795" spans="1:5" x14ac:dyDescent="0.25">
      <c r="A1795" t="s">
        <v>18</v>
      </c>
      <c r="B1795" t="s">
        <v>27</v>
      </c>
      <c r="C1795" t="s">
        <v>31</v>
      </c>
      <c r="D1795" t="s">
        <v>18</v>
      </c>
      <c r="E1795" t="s">
        <v>24</v>
      </c>
    </row>
    <row r="1796" spans="1:5" x14ac:dyDescent="0.25">
      <c r="A1796">
        <v>0</v>
      </c>
      <c r="B1796">
        <v>-274732892.17777199</v>
      </c>
      <c r="C1796">
        <v>17764220.602552999</v>
      </c>
      <c r="D1796">
        <v>0</v>
      </c>
      <c r="E1796">
        <v>-262849000</v>
      </c>
    </row>
    <row r="1797" spans="1:5" x14ac:dyDescent="0.25">
      <c r="A1797">
        <v>2E-3</v>
      </c>
      <c r="B1797">
        <v>-291757386.84790301</v>
      </c>
      <c r="C1797">
        <v>16823604.223925401</v>
      </c>
      <c r="D1797">
        <v>6.5733800000000004E-4</v>
      </c>
      <c r="E1797">
        <v>-258094000</v>
      </c>
    </row>
    <row r="1798" spans="1:5" x14ac:dyDescent="0.25">
      <c r="A1798">
        <v>4.0000000000000001E-3</v>
      </c>
      <c r="B1798">
        <v>-290348522.82305598</v>
      </c>
      <c r="C1798">
        <v>16673266.271117</v>
      </c>
      <c r="D1798">
        <v>1.3146799999999999E-3</v>
      </c>
      <c r="E1798">
        <v>-246878000</v>
      </c>
    </row>
    <row r="1799" spans="1:5" x14ac:dyDescent="0.25">
      <c r="A1799">
        <v>6.0000000000000001E-3</v>
      </c>
      <c r="B1799">
        <v>-248612090.86921901</v>
      </c>
      <c r="C1799">
        <v>15445433.464186599</v>
      </c>
      <c r="D1799">
        <v>1.9720200000000001E-3</v>
      </c>
      <c r="E1799">
        <v>-224077000</v>
      </c>
    </row>
    <row r="1800" spans="1:5" x14ac:dyDescent="0.25">
      <c r="A1800">
        <v>8.0000000000000002E-3</v>
      </c>
      <c r="B1800">
        <v>-122489805.818872</v>
      </c>
      <c r="C1800">
        <v>13608060.6515522</v>
      </c>
      <c r="D1800">
        <v>2.6293499999999999E-3</v>
      </c>
      <c r="E1800">
        <v>-198895000</v>
      </c>
    </row>
    <row r="1801" spans="1:5" x14ac:dyDescent="0.25">
      <c r="A1801">
        <v>0.01</v>
      </c>
      <c r="B1801">
        <v>-32983195.7093293</v>
      </c>
      <c r="C1801">
        <v>14490315.2610835</v>
      </c>
      <c r="D1801">
        <v>3.2866900000000001E-3</v>
      </c>
      <c r="E1801">
        <v>-184005000</v>
      </c>
    </row>
    <row r="1802" spans="1:5" x14ac:dyDescent="0.25">
      <c r="A1802">
        <v>1.2E-2</v>
      </c>
      <c r="B1802">
        <v>-14735580.4848978</v>
      </c>
      <c r="C1802">
        <v>15106753.852494201</v>
      </c>
      <c r="D1802">
        <v>3.9440300000000003E-3</v>
      </c>
      <c r="E1802">
        <v>-185491000</v>
      </c>
    </row>
    <row r="1803" spans="1:5" x14ac:dyDescent="0.25">
      <c r="A1803">
        <v>1.4E-2</v>
      </c>
      <c r="B1803">
        <v>-33944436.455884002</v>
      </c>
      <c r="C1803">
        <v>13767078.0283562</v>
      </c>
      <c r="D1803">
        <v>4.6013699999999996E-3</v>
      </c>
      <c r="E1803">
        <v>-183072000</v>
      </c>
    </row>
    <row r="1804" spans="1:5" x14ac:dyDescent="0.25">
      <c r="A1804">
        <v>1.6E-2</v>
      </c>
      <c r="B1804">
        <v>-1912801.5087475199</v>
      </c>
      <c r="C1804">
        <v>13444657.6317946</v>
      </c>
      <c r="D1804">
        <v>5.2587099999999998E-3</v>
      </c>
      <c r="E1804">
        <v>-173653000</v>
      </c>
    </row>
    <row r="1805" spans="1:5" x14ac:dyDescent="0.25">
      <c r="A1805">
        <v>1.7999999999999999E-2</v>
      </c>
      <c r="B1805">
        <v>-10973874.627759701</v>
      </c>
      <c r="C1805">
        <v>14257719.334894801</v>
      </c>
      <c r="D1805">
        <v>5.91605E-3</v>
      </c>
      <c r="E1805">
        <v>-178688000</v>
      </c>
    </row>
    <row r="1806" spans="1:5" x14ac:dyDescent="0.25">
      <c r="A1806">
        <v>0.02</v>
      </c>
      <c r="B1806">
        <v>-40214730.0964147</v>
      </c>
      <c r="C1806">
        <v>12276206.936309399</v>
      </c>
      <c r="D1806">
        <v>6.57341E-3</v>
      </c>
      <c r="E1806">
        <v>-167435000</v>
      </c>
    </row>
    <row r="1807" spans="1:5" x14ac:dyDescent="0.25">
      <c r="A1807">
        <v>2.5000000000000001E-2</v>
      </c>
      <c r="B1807">
        <v>18897962.9851222</v>
      </c>
      <c r="C1807">
        <v>12650436.5395486</v>
      </c>
      <c r="D1807">
        <v>7.32118E-3</v>
      </c>
      <c r="E1807">
        <v>-122572000</v>
      </c>
    </row>
    <row r="1808" spans="1:5" x14ac:dyDescent="0.25">
      <c r="A1808">
        <v>0.03</v>
      </c>
      <c r="B1808">
        <v>12798659.3581194</v>
      </c>
      <c r="C1808">
        <v>12508432.299092701</v>
      </c>
      <c r="D1808">
        <v>8.1372600000000003E-3</v>
      </c>
      <c r="E1808">
        <v>-68810300</v>
      </c>
    </row>
    <row r="1809" spans="1:5" x14ac:dyDescent="0.25">
      <c r="A1809">
        <v>3.5000000000000003E-2</v>
      </c>
      <c r="B1809">
        <v>14068962.2635975</v>
      </c>
      <c r="C1809">
        <v>13633650.637073999</v>
      </c>
      <c r="D1809">
        <v>9.02793E-3</v>
      </c>
      <c r="E1809">
        <v>-72812200</v>
      </c>
    </row>
    <row r="1810" spans="1:5" x14ac:dyDescent="0.25">
      <c r="A1810">
        <v>0.04</v>
      </c>
      <c r="B1810">
        <v>56676997.3725238</v>
      </c>
      <c r="C1810">
        <v>14091378.064886101</v>
      </c>
      <c r="D1810">
        <v>0.01</v>
      </c>
      <c r="E1810">
        <v>-72533000</v>
      </c>
    </row>
    <row r="1811" spans="1:5" x14ac:dyDescent="0.25">
      <c r="A1811">
        <v>0.05</v>
      </c>
      <c r="B1811">
        <v>42319557.439330198</v>
      </c>
      <c r="C1811">
        <v>14099209.3927643</v>
      </c>
      <c r="D1811">
        <v>1.0999999999999999E-2</v>
      </c>
      <c r="E1811">
        <v>-41893200</v>
      </c>
    </row>
    <row r="1812" spans="1:5" x14ac:dyDescent="0.25">
      <c r="A1812">
        <v>0.06</v>
      </c>
      <c r="B1812">
        <v>2915436.1459932602</v>
      </c>
      <c r="C1812">
        <v>13876295.3472252</v>
      </c>
      <c r="D1812">
        <v>1.2E-2</v>
      </c>
      <c r="E1812">
        <v>-33891100</v>
      </c>
    </row>
    <row r="1813" spans="1:5" x14ac:dyDescent="0.25">
      <c r="A1813">
        <v>7.0000000000000007E-2</v>
      </c>
      <c r="B1813">
        <v>-9783896.8666866198</v>
      </c>
      <c r="C1813">
        <v>14619304.999908701</v>
      </c>
      <c r="D1813">
        <v>1.2999999999999999E-2</v>
      </c>
      <c r="E1813">
        <v>-32168000</v>
      </c>
    </row>
    <row r="1814" spans="1:5" x14ac:dyDescent="0.25">
      <c r="A1814">
        <v>0.08</v>
      </c>
      <c r="B1814">
        <v>-52466535.5528704</v>
      </c>
      <c r="C1814">
        <v>14080694.3418088</v>
      </c>
      <c r="D1814">
        <v>1.4E-2</v>
      </c>
      <c r="E1814">
        <v>-27052200</v>
      </c>
    </row>
    <row r="1815" spans="1:5" x14ac:dyDescent="0.25">
      <c r="A1815">
        <v>0.09</v>
      </c>
      <c r="B1815">
        <v>-28987525.933268901</v>
      </c>
      <c r="C1815">
        <v>13571480.8725954</v>
      </c>
      <c r="D1815">
        <v>1.4999999999999999E-2</v>
      </c>
      <c r="E1815">
        <v>-21493400</v>
      </c>
    </row>
    <row r="1816" spans="1:5" x14ac:dyDescent="0.25">
      <c r="A1816">
        <v>0.1</v>
      </c>
      <c r="B1816">
        <v>9735347.5495718904</v>
      </c>
      <c r="C1816">
        <v>14041519.095292101</v>
      </c>
      <c r="D1816">
        <v>1.6E-2</v>
      </c>
      <c r="E1816">
        <v>-18443900</v>
      </c>
    </row>
    <row r="1817" spans="1:5" x14ac:dyDescent="0.25">
      <c r="A1817">
        <v>0.12</v>
      </c>
      <c r="B1817">
        <v>-30049679.392654698</v>
      </c>
      <c r="C1817">
        <v>13414952.1423702</v>
      </c>
      <c r="D1817">
        <v>1.7000000000000001E-2</v>
      </c>
      <c r="E1817">
        <v>-18402000</v>
      </c>
    </row>
    <row r="1818" spans="1:5" x14ac:dyDescent="0.25">
      <c r="D1818">
        <v>1.7999999999999999E-2</v>
      </c>
      <c r="E1818">
        <v>-18454200</v>
      </c>
    </row>
    <row r="1819" spans="1:5" x14ac:dyDescent="0.25">
      <c r="D1819">
        <v>1.9E-2</v>
      </c>
      <c r="E1819">
        <v>-17788900</v>
      </c>
    </row>
    <row r="1820" spans="1:5" x14ac:dyDescent="0.25">
      <c r="D1820">
        <v>0.02</v>
      </c>
      <c r="E1820">
        <v>-16062600</v>
      </c>
    </row>
    <row r="1821" spans="1:5" x14ac:dyDescent="0.25">
      <c r="D1821">
        <v>2.1000000000000001E-2</v>
      </c>
      <c r="E1821">
        <v>-13481500</v>
      </c>
    </row>
    <row r="1822" spans="1:5" x14ac:dyDescent="0.25">
      <c r="D1822">
        <v>2.1999999999999999E-2</v>
      </c>
      <c r="E1822">
        <v>-10290800</v>
      </c>
    </row>
    <row r="1823" spans="1:5" x14ac:dyDescent="0.25">
      <c r="D1823">
        <v>2.3E-2</v>
      </c>
      <c r="E1823">
        <v>-6471920</v>
      </c>
    </row>
    <row r="1824" spans="1:5" x14ac:dyDescent="0.25">
      <c r="D1824">
        <v>2.4E-2</v>
      </c>
      <c r="E1824">
        <v>-3029610</v>
      </c>
    </row>
    <row r="1825" spans="4:5" x14ac:dyDescent="0.25">
      <c r="D1825">
        <v>2.5999999999999999E-2</v>
      </c>
      <c r="E1825">
        <v>2946620</v>
      </c>
    </row>
    <row r="1826" spans="4:5" x14ac:dyDescent="0.25">
      <c r="D1826">
        <v>2.8888899999999999E-2</v>
      </c>
      <c r="E1826">
        <v>20050000</v>
      </c>
    </row>
    <row r="1827" spans="4:5" x14ac:dyDescent="0.25">
      <c r="D1827">
        <v>3.1777800000000002E-2</v>
      </c>
      <c r="E1827">
        <v>30993000</v>
      </c>
    </row>
    <row r="1828" spans="4:5" x14ac:dyDescent="0.25">
      <c r="D1828">
        <v>3.4666700000000002E-2</v>
      </c>
      <c r="E1828">
        <v>31753800</v>
      </c>
    </row>
    <row r="1829" spans="4:5" x14ac:dyDescent="0.25">
      <c r="D1829">
        <v>3.7555600000000001E-2</v>
      </c>
      <c r="E1829">
        <v>30965400</v>
      </c>
    </row>
    <row r="1830" spans="4:5" x14ac:dyDescent="0.25">
      <c r="D1830">
        <v>4.0444399999999998E-2</v>
      </c>
      <c r="E1830">
        <v>30350800</v>
      </c>
    </row>
    <row r="1831" spans="4:5" x14ac:dyDescent="0.25">
      <c r="D1831">
        <v>4.3333299999999998E-2</v>
      </c>
      <c r="E1831">
        <v>29756700</v>
      </c>
    </row>
    <row r="1832" spans="4:5" x14ac:dyDescent="0.25">
      <c r="D1832">
        <v>4.6222199999999998E-2</v>
      </c>
      <c r="E1832">
        <v>29056700</v>
      </c>
    </row>
    <row r="1833" spans="4:5" x14ac:dyDescent="0.25">
      <c r="D1833">
        <v>4.9111099999999998E-2</v>
      </c>
      <c r="E1833">
        <v>28356800</v>
      </c>
    </row>
    <row r="1834" spans="4:5" x14ac:dyDescent="0.25">
      <c r="D1834">
        <v>5.1999999999999998E-2</v>
      </c>
      <c r="E1834">
        <v>27385800</v>
      </c>
    </row>
    <row r="1835" spans="4:5" x14ac:dyDescent="0.25">
      <c r="D1835">
        <v>5.8000000000000003E-2</v>
      </c>
      <c r="E1835">
        <v>26182600</v>
      </c>
    </row>
    <row r="1836" spans="4:5" x14ac:dyDescent="0.25">
      <c r="D1836">
        <v>5.8865199999999999E-2</v>
      </c>
      <c r="E1836">
        <v>25480700</v>
      </c>
    </row>
    <row r="1837" spans="4:5" x14ac:dyDescent="0.25">
      <c r="D1837">
        <v>5.9776700000000002E-2</v>
      </c>
      <c r="E1837">
        <v>25179200</v>
      </c>
    </row>
    <row r="1838" spans="4:5" x14ac:dyDescent="0.25">
      <c r="D1838">
        <v>6.0999999999999999E-2</v>
      </c>
      <c r="E1838">
        <v>24625100</v>
      </c>
    </row>
    <row r="1839" spans="4:5" x14ac:dyDescent="0.25">
      <c r="D1839">
        <v>6.4236399999999999E-2</v>
      </c>
      <c r="E1839">
        <v>23664800</v>
      </c>
    </row>
    <row r="1840" spans="4:5" x14ac:dyDescent="0.25">
      <c r="D1840">
        <v>6.7737000000000006E-2</v>
      </c>
      <c r="E1840">
        <v>22443600</v>
      </c>
    </row>
    <row r="1841" spans="1:5" x14ac:dyDescent="0.25">
      <c r="D1841">
        <v>7.1523299999999998E-2</v>
      </c>
      <c r="E1841">
        <v>21075600</v>
      </c>
    </row>
    <row r="1842" spans="1:5" x14ac:dyDescent="0.25">
      <c r="D1842">
        <v>7.56188E-2</v>
      </c>
      <c r="E1842">
        <v>19549200</v>
      </c>
    </row>
    <row r="1843" spans="1:5" x14ac:dyDescent="0.25">
      <c r="D1843">
        <v>8.0048499999999995E-2</v>
      </c>
      <c r="E1843">
        <v>17854200</v>
      </c>
    </row>
    <row r="1844" spans="1:5" x14ac:dyDescent="0.25">
      <c r="D1844">
        <v>8.4839899999999996E-2</v>
      </c>
      <c r="E1844">
        <v>15982200</v>
      </c>
    </row>
    <row r="1845" spans="1:5" x14ac:dyDescent="0.25">
      <c r="D1845">
        <v>9.0022500000000005E-2</v>
      </c>
      <c r="E1845">
        <v>13928800</v>
      </c>
    </row>
    <row r="1846" spans="1:5" x14ac:dyDescent="0.25">
      <c r="D1846">
        <v>9.5628099999999994E-2</v>
      </c>
      <c r="E1846">
        <v>11695200</v>
      </c>
    </row>
    <row r="1847" spans="1:5" x14ac:dyDescent="0.25">
      <c r="D1847">
        <v>0.101691</v>
      </c>
      <c r="E1847">
        <v>9291350</v>
      </c>
    </row>
    <row r="1848" spans="1:5" x14ac:dyDescent="0.25">
      <c r="D1848">
        <v>0.108249</v>
      </c>
      <c r="E1848">
        <v>6740060</v>
      </c>
    </row>
    <row r="1849" spans="1:5" x14ac:dyDescent="0.25">
      <c r="D1849">
        <v>0.115343</v>
      </c>
      <c r="E1849">
        <v>4082820</v>
      </c>
    </row>
    <row r="1850" spans="1:5" x14ac:dyDescent="0.25">
      <c r="D1850">
        <v>0.123016</v>
      </c>
      <c r="E1850">
        <v>1388250</v>
      </c>
    </row>
    <row r="1851" spans="1:5" x14ac:dyDescent="0.25">
      <c r="D1851">
        <v>0.13131399999999999</v>
      </c>
      <c r="E1851">
        <v>-1235680</v>
      </c>
    </row>
    <row r="1852" spans="1:5" x14ac:dyDescent="0.25">
      <c r="D1852">
        <v>0.140291</v>
      </c>
      <c r="E1852">
        <v>-3624190</v>
      </c>
    </row>
    <row r="1853" spans="1:5" x14ac:dyDescent="0.25">
      <c r="D1853">
        <v>0.15</v>
      </c>
      <c r="E1853">
        <v>-4734730</v>
      </c>
    </row>
    <row r="1856" spans="1:5" x14ac:dyDescent="0.25">
      <c r="A1856" t="s">
        <v>38</v>
      </c>
    </row>
    <row r="1857" spans="1:12" s="23" customFormat="1" ht="90" x14ac:dyDescent="0.25">
      <c r="A1857" s="23" t="s">
        <v>35</v>
      </c>
      <c r="B1857" s="23" t="s">
        <v>36</v>
      </c>
      <c r="C1857" s="23" t="s">
        <v>35</v>
      </c>
      <c r="D1857" s="23" t="s">
        <v>37</v>
      </c>
    </row>
    <row r="1858" spans="1:12" x14ac:dyDescent="0.25">
      <c r="A1858">
        <v>0</v>
      </c>
      <c r="B1858" s="10">
        <v>-9.8886498397457334</v>
      </c>
      <c r="C1858">
        <v>0</v>
      </c>
      <c r="D1858">
        <v>-6.3</v>
      </c>
    </row>
    <row r="1859" spans="1:12" x14ac:dyDescent="0.25">
      <c r="A1859">
        <v>12.5</v>
      </c>
      <c r="B1859" s="10">
        <v>1.8279095601154633</v>
      </c>
      <c r="C1859">
        <v>5</v>
      </c>
      <c r="D1859">
        <v>0.47</v>
      </c>
    </row>
    <row r="1860" spans="1:12" x14ac:dyDescent="0.25">
      <c r="A1860">
        <v>25</v>
      </c>
      <c r="B1860" s="10">
        <v>1.741284050432536</v>
      </c>
      <c r="C1860">
        <v>25</v>
      </c>
      <c r="D1860">
        <v>1.36</v>
      </c>
    </row>
    <row r="1861" spans="1:12" x14ac:dyDescent="0.25">
      <c r="A1861">
        <v>50</v>
      </c>
      <c r="B1861" s="10">
        <v>1.535207154550591</v>
      </c>
      <c r="C1861">
        <v>50</v>
      </c>
      <c r="D1861">
        <v>0.45</v>
      </c>
    </row>
    <row r="1862" spans="1:12" x14ac:dyDescent="0.25">
      <c r="A1862">
        <v>100</v>
      </c>
      <c r="B1862" s="10">
        <v>1.5735372035162667</v>
      </c>
      <c r="C1862">
        <v>75</v>
      </c>
      <c r="D1862">
        <v>0.44</v>
      </c>
    </row>
    <row r="1863" spans="1:12" x14ac:dyDescent="0.25">
      <c r="A1863">
        <v>150</v>
      </c>
      <c r="B1863" s="10">
        <v>1.6712959740572835</v>
      </c>
      <c r="C1863">
        <v>100</v>
      </c>
      <c r="D1863">
        <v>0.54</v>
      </c>
    </row>
    <row r="1864" spans="1:12" x14ac:dyDescent="0.25">
      <c r="C1864">
        <v>150</v>
      </c>
      <c r="D1864">
        <v>0.96</v>
      </c>
    </row>
    <row r="1866" spans="1:12" x14ac:dyDescent="0.25">
      <c r="A1866" s="10" t="s">
        <v>39</v>
      </c>
    </row>
    <row r="1867" spans="1:12" x14ac:dyDescent="0.25">
      <c r="A1867" t="s">
        <v>40</v>
      </c>
    </row>
    <row r="1868" spans="1:12" x14ac:dyDescent="0.25">
      <c r="A1868" t="s">
        <v>18</v>
      </c>
      <c r="B1868" t="s">
        <v>25</v>
      </c>
      <c r="C1868" t="s">
        <v>18</v>
      </c>
      <c r="D1868" t="s">
        <v>41</v>
      </c>
      <c r="E1868" t="s">
        <v>18</v>
      </c>
      <c r="F1868" t="s">
        <v>42</v>
      </c>
      <c r="G1868" t="s">
        <v>18</v>
      </c>
      <c r="H1868" t="s">
        <v>43</v>
      </c>
      <c r="I1868" t="s">
        <v>18</v>
      </c>
      <c r="J1868" t="s">
        <v>44</v>
      </c>
      <c r="K1868" t="s">
        <v>18</v>
      </c>
      <c r="L1868" t="s">
        <v>45</v>
      </c>
    </row>
    <row r="1869" spans="1:12" x14ac:dyDescent="0.25">
      <c r="A1869">
        <v>0</v>
      </c>
      <c r="B1869">
        <v>432692000</v>
      </c>
      <c r="C1869">
        <v>0</v>
      </c>
      <c r="D1869">
        <v>-67535800</v>
      </c>
      <c r="E1869">
        <v>0</v>
      </c>
      <c r="F1869">
        <v>-49847500</v>
      </c>
      <c r="G1869">
        <v>0</v>
      </c>
      <c r="H1869">
        <v>51984700</v>
      </c>
      <c r="I1869">
        <v>0</v>
      </c>
      <c r="J1869">
        <v>272795000</v>
      </c>
      <c r="K1869">
        <v>0</v>
      </c>
      <c r="L1869">
        <v>301638000</v>
      </c>
    </row>
    <row r="1870" spans="1:12" x14ac:dyDescent="0.25">
      <c r="A1870">
        <v>9.0454800000000003E-4</v>
      </c>
      <c r="B1870">
        <v>432677000</v>
      </c>
      <c r="C1870">
        <v>9.0096999999999996E-4</v>
      </c>
      <c r="D1870">
        <v>-100854000</v>
      </c>
      <c r="E1870">
        <v>9.0152299999999999E-4</v>
      </c>
      <c r="F1870">
        <v>-77195700</v>
      </c>
      <c r="G1870">
        <v>9.01923E-4</v>
      </c>
      <c r="H1870">
        <v>24932600</v>
      </c>
      <c r="I1870">
        <v>9.0398200000000001E-4</v>
      </c>
      <c r="J1870">
        <v>269805000</v>
      </c>
      <c r="K1870">
        <v>9.0404299999999999E-4</v>
      </c>
      <c r="L1870">
        <v>304506000</v>
      </c>
    </row>
    <row r="1871" spans="1:12" x14ac:dyDescent="0.25">
      <c r="A1871">
        <v>1.73072E-3</v>
      </c>
      <c r="B1871">
        <v>432771000</v>
      </c>
      <c r="C1871">
        <v>1.7259E-3</v>
      </c>
      <c r="D1871">
        <v>-157934000</v>
      </c>
      <c r="E1871">
        <v>1.7268699999999999E-3</v>
      </c>
      <c r="F1871">
        <v>-127564000</v>
      </c>
      <c r="G1871">
        <v>1.72752E-3</v>
      </c>
      <c r="H1871">
        <v>-31535100</v>
      </c>
      <c r="I1871">
        <v>1.7293300000000001E-3</v>
      </c>
      <c r="J1871">
        <v>236550000</v>
      </c>
      <c r="K1871">
        <v>1.7296600000000001E-3</v>
      </c>
      <c r="L1871">
        <v>304516000</v>
      </c>
    </row>
    <row r="1872" spans="1:12" x14ac:dyDescent="0.25">
      <c r="A1872">
        <v>2.4856499999999998E-3</v>
      </c>
      <c r="B1872">
        <v>433479000</v>
      </c>
      <c r="C1872">
        <v>2.48643E-3</v>
      </c>
      <c r="D1872">
        <v>-175299000</v>
      </c>
      <c r="E1872">
        <v>2.4849099999999999E-3</v>
      </c>
      <c r="F1872">
        <v>-151408000</v>
      </c>
      <c r="G1872">
        <v>2.4824500000000002E-3</v>
      </c>
      <c r="H1872">
        <v>-77881500</v>
      </c>
      <c r="I1872">
        <v>2.4843399999999998E-3</v>
      </c>
      <c r="J1872">
        <v>153453000</v>
      </c>
      <c r="K1872">
        <v>2.48423E-3</v>
      </c>
      <c r="L1872">
        <v>291891000</v>
      </c>
    </row>
    <row r="1873" spans="1:12" x14ac:dyDescent="0.25">
      <c r="A1873">
        <v>3.1753900000000002E-3</v>
      </c>
      <c r="B1873">
        <v>434419000</v>
      </c>
      <c r="C1873">
        <v>3.1750099999999998E-3</v>
      </c>
      <c r="D1873">
        <v>-201421000</v>
      </c>
      <c r="E1873">
        <v>3.17462E-3</v>
      </c>
      <c r="F1873">
        <v>-175944000</v>
      </c>
      <c r="G1873">
        <v>3.1726699999999998E-3</v>
      </c>
      <c r="H1873">
        <v>-104618000</v>
      </c>
      <c r="I1873">
        <v>3.17322E-3</v>
      </c>
      <c r="J1873">
        <v>81643700</v>
      </c>
      <c r="K1873">
        <v>3.1734300000000001E-3</v>
      </c>
      <c r="L1873">
        <v>266782000</v>
      </c>
    </row>
    <row r="1874" spans="1:12" x14ac:dyDescent="0.25">
      <c r="A1874">
        <v>3.8069699999999998E-3</v>
      </c>
      <c r="B1874">
        <v>435563000</v>
      </c>
      <c r="C1874">
        <v>3.8121600000000002E-3</v>
      </c>
      <c r="D1874">
        <v>-224878000</v>
      </c>
      <c r="E1874">
        <v>3.8095199999999998E-3</v>
      </c>
      <c r="F1874">
        <v>-190549000</v>
      </c>
      <c r="G1874">
        <v>3.8050200000000001E-3</v>
      </c>
      <c r="H1874">
        <v>-99269400</v>
      </c>
      <c r="I1874">
        <v>3.8036599999999999E-3</v>
      </c>
      <c r="J1874">
        <v>49490000</v>
      </c>
      <c r="K1874">
        <v>3.8044900000000002E-3</v>
      </c>
      <c r="L1874">
        <v>232614000</v>
      </c>
    </row>
    <row r="1875" spans="1:12" x14ac:dyDescent="0.25">
      <c r="A1875">
        <v>4.3872099999999999E-3</v>
      </c>
      <c r="B1875">
        <v>437484000</v>
      </c>
      <c r="C1875">
        <v>4.3965799999999998E-3</v>
      </c>
      <c r="D1875">
        <v>-201382000</v>
      </c>
      <c r="E1875">
        <v>4.3935399999999996E-3</v>
      </c>
      <c r="F1875">
        <v>-169211000</v>
      </c>
      <c r="G1875">
        <v>4.3870999999999997E-3</v>
      </c>
      <c r="H1875">
        <v>-93358600</v>
      </c>
      <c r="I1875">
        <v>4.3832899999999998E-3</v>
      </c>
      <c r="J1875">
        <v>22204700</v>
      </c>
      <c r="K1875">
        <v>4.3844399999999999E-3</v>
      </c>
      <c r="L1875">
        <v>191866000</v>
      </c>
    </row>
    <row r="1876" spans="1:12" x14ac:dyDescent="0.25">
      <c r="A1876">
        <v>4.9231800000000001E-3</v>
      </c>
      <c r="B1876">
        <v>439977000</v>
      </c>
      <c r="C1876">
        <v>4.9361300000000004E-3</v>
      </c>
      <c r="D1876">
        <v>-178381000</v>
      </c>
      <c r="E1876">
        <v>4.9320299999999996E-3</v>
      </c>
      <c r="F1876">
        <v>-155870000</v>
      </c>
      <c r="G1876">
        <v>4.9243999999999998E-3</v>
      </c>
      <c r="H1876">
        <v>-106098000</v>
      </c>
      <c r="I1876">
        <v>4.9204599999999998E-3</v>
      </c>
      <c r="J1876">
        <v>-7822950</v>
      </c>
      <c r="K1876">
        <v>4.91939E-3</v>
      </c>
      <c r="L1876">
        <v>118812000</v>
      </c>
    </row>
    <row r="1877" spans="1:12" x14ac:dyDescent="0.25">
      <c r="A1877">
        <v>5.4190000000000002E-3</v>
      </c>
      <c r="B1877">
        <v>439549000</v>
      </c>
      <c r="C1877">
        <v>5.4349300000000001E-3</v>
      </c>
      <c r="D1877">
        <v>-173352000</v>
      </c>
      <c r="E1877">
        <v>5.4304399999999999E-3</v>
      </c>
      <c r="F1877">
        <v>-157705000</v>
      </c>
      <c r="G1877">
        <v>5.4219300000000002E-3</v>
      </c>
      <c r="H1877">
        <v>-110104000</v>
      </c>
      <c r="I1877">
        <v>5.4161599999999997E-3</v>
      </c>
      <c r="J1877">
        <v>-35087900</v>
      </c>
      <c r="K1877">
        <v>5.4154900000000002E-3</v>
      </c>
      <c r="L1877">
        <v>-10273600</v>
      </c>
    </row>
    <row r="1878" spans="1:12" x14ac:dyDescent="0.25">
      <c r="A1878">
        <v>5.8731599999999997E-3</v>
      </c>
      <c r="B1878">
        <v>432853000</v>
      </c>
      <c r="C1878">
        <v>5.89048E-3</v>
      </c>
      <c r="D1878">
        <v>-175908000</v>
      </c>
      <c r="E1878">
        <v>5.8857900000000001E-3</v>
      </c>
      <c r="F1878">
        <v>-157009000</v>
      </c>
      <c r="G1878">
        <v>5.8777300000000003E-3</v>
      </c>
      <c r="H1878">
        <v>-100376000</v>
      </c>
      <c r="I1878">
        <v>5.8700899999999997E-3</v>
      </c>
      <c r="J1878">
        <v>-59243200</v>
      </c>
      <c r="K1878">
        <v>5.86916E-3</v>
      </c>
      <c r="L1878">
        <v>-83831500</v>
      </c>
    </row>
    <row r="1879" spans="1:12" x14ac:dyDescent="0.25">
      <c r="A1879">
        <v>6.2858599999999999E-3</v>
      </c>
      <c r="B1879">
        <v>427079000</v>
      </c>
      <c r="C1879">
        <v>6.3044599999999996E-3</v>
      </c>
      <c r="D1879">
        <v>-161399000</v>
      </c>
      <c r="E1879">
        <v>6.30001E-3</v>
      </c>
      <c r="F1879">
        <v>-139483000</v>
      </c>
      <c r="G1879">
        <v>6.2915799999999997E-3</v>
      </c>
      <c r="H1879">
        <v>-90248900</v>
      </c>
      <c r="I1879">
        <v>6.2839200000000001E-3</v>
      </c>
      <c r="J1879">
        <v>-80372500</v>
      </c>
      <c r="K1879">
        <v>6.2820699999999998E-3</v>
      </c>
      <c r="L1879">
        <v>-105556000</v>
      </c>
    </row>
    <row r="1880" spans="1:12" x14ac:dyDescent="0.25">
      <c r="A1880">
        <v>7.4262099999999999E-3</v>
      </c>
      <c r="B1880">
        <v>421646000</v>
      </c>
      <c r="C1880">
        <v>7.4459499999999998E-3</v>
      </c>
      <c r="D1880">
        <v>-90100600</v>
      </c>
      <c r="E1880">
        <v>7.4419500000000001E-3</v>
      </c>
      <c r="F1880">
        <v>-87896000</v>
      </c>
      <c r="G1880">
        <v>7.4354800000000004E-3</v>
      </c>
      <c r="H1880">
        <v>-88005100</v>
      </c>
      <c r="I1880">
        <v>7.4269399999999999E-3</v>
      </c>
      <c r="J1880">
        <v>-108904000</v>
      </c>
      <c r="K1880">
        <v>7.4201600000000003E-3</v>
      </c>
      <c r="L1880">
        <v>-164795000</v>
      </c>
    </row>
    <row r="1881" spans="1:12" x14ac:dyDescent="0.25">
      <c r="A1881">
        <v>8.56758E-3</v>
      </c>
      <c r="B1881">
        <v>400745000</v>
      </c>
      <c r="C1881">
        <v>8.5864500000000007E-3</v>
      </c>
      <c r="D1881">
        <v>7535890</v>
      </c>
      <c r="E1881">
        <v>8.5832200000000008E-3</v>
      </c>
      <c r="F1881">
        <v>-31087100</v>
      </c>
      <c r="G1881">
        <v>8.5799599999999993E-3</v>
      </c>
      <c r="H1881">
        <v>-83630300</v>
      </c>
      <c r="I1881">
        <v>8.5734899999999996E-3</v>
      </c>
      <c r="J1881">
        <v>-135270000</v>
      </c>
      <c r="K1881">
        <v>8.5686800000000004E-3</v>
      </c>
      <c r="L1881">
        <v>-223094000</v>
      </c>
    </row>
    <row r="1882" spans="1:12" x14ac:dyDescent="0.25">
      <c r="A1882">
        <v>9.7095199999999993E-3</v>
      </c>
      <c r="B1882">
        <v>384748000</v>
      </c>
      <c r="C1882">
        <v>9.7281399999999997E-3</v>
      </c>
      <c r="D1882">
        <v>80527700</v>
      </c>
      <c r="E1882">
        <v>9.7245600000000001E-3</v>
      </c>
      <c r="F1882">
        <v>15326400</v>
      </c>
      <c r="G1882">
        <v>9.72283E-3</v>
      </c>
      <c r="H1882">
        <v>-76099200</v>
      </c>
      <c r="I1882">
        <v>9.7214299999999997E-3</v>
      </c>
      <c r="J1882">
        <v>-142652000</v>
      </c>
      <c r="K1882">
        <v>9.7201300000000004E-3</v>
      </c>
      <c r="L1882">
        <v>-254388000</v>
      </c>
    </row>
    <row r="1883" spans="1:12" x14ac:dyDescent="0.25">
      <c r="A1883">
        <v>1.07095E-2</v>
      </c>
      <c r="B1883">
        <v>384615000</v>
      </c>
      <c r="C1883">
        <v>1.07273E-2</v>
      </c>
      <c r="D1883">
        <v>125521000</v>
      </c>
      <c r="E1883">
        <v>1.07241E-2</v>
      </c>
      <c r="F1883">
        <v>66190400</v>
      </c>
      <c r="G1883">
        <v>1.0724900000000001E-2</v>
      </c>
      <c r="H1883">
        <v>-46061100</v>
      </c>
      <c r="I1883">
        <v>1.0725E-2</v>
      </c>
      <c r="J1883">
        <v>-131787000</v>
      </c>
      <c r="K1883">
        <v>1.0729499999999999E-2</v>
      </c>
      <c r="L1883">
        <v>-241913000</v>
      </c>
    </row>
    <row r="1884" spans="1:12" x14ac:dyDescent="0.25">
      <c r="A1884">
        <v>1.1709600000000001E-2</v>
      </c>
      <c r="B1884">
        <v>385402000</v>
      </c>
      <c r="C1884">
        <v>1.17272E-2</v>
      </c>
      <c r="D1884">
        <v>151215000</v>
      </c>
      <c r="E1884">
        <v>1.17237E-2</v>
      </c>
      <c r="F1884">
        <v>111900000</v>
      </c>
      <c r="G1884">
        <v>1.1723300000000001E-2</v>
      </c>
      <c r="H1884">
        <v>915427</v>
      </c>
      <c r="I1884">
        <v>1.1727899999999999E-2</v>
      </c>
      <c r="J1884">
        <v>-95968600</v>
      </c>
      <c r="K1884">
        <v>1.17374E-2</v>
      </c>
      <c r="L1884">
        <v>-204090000</v>
      </c>
    </row>
    <row r="1885" spans="1:12" x14ac:dyDescent="0.25">
      <c r="A1885">
        <v>1.2709700000000001E-2</v>
      </c>
      <c r="B1885">
        <v>387829000</v>
      </c>
      <c r="C1885">
        <v>1.27265E-2</v>
      </c>
      <c r="D1885">
        <v>174570000</v>
      </c>
      <c r="E1885">
        <v>1.2723099999999999E-2</v>
      </c>
      <c r="F1885">
        <v>152933000</v>
      </c>
      <c r="G1885">
        <v>1.2723999999999999E-2</v>
      </c>
      <c r="H1885">
        <v>50717300</v>
      </c>
      <c r="I1885">
        <v>1.2726700000000001E-2</v>
      </c>
      <c r="J1885">
        <v>-53877700</v>
      </c>
      <c r="K1885">
        <v>1.2735399999999999E-2</v>
      </c>
      <c r="L1885">
        <v>-165157000</v>
      </c>
    </row>
    <row r="1886" spans="1:12" x14ac:dyDescent="0.25">
      <c r="A1886">
        <v>1.371E-2</v>
      </c>
      <c r="B1886">
        <v>384613000</v>
      </c>
      <c r="C1886">
        <v>1.37263E-2</v>
      </c>
      <c r="D1886">
        <v>193975000</v>
      </c>
      <c r="E1886">
        <v>1.37228E-2</v>
      </c>
      <c r="F1886">
        <v>186599000</v>
      </c>
      <c r="G1886">
        <v>1.37231E-2</v>
      </c>
      <c r="H1886">
        <v>105645000</v>
      </c>
      <c r="I1886">
        <v>1.3727100000000001E-2</v>
      </c>
      <c r="J1886">
        <v>-2937350</v>
      </c>
      <c r="K1886">
        <v>1.37354E-2</v>
      </c>
      <c r="L1886">
        <v>-113836000</v>
      </c>
    </row>
    <row r="1887" spans="1:12" x14ac:dyDescent="0.25">
      <c r="A1887">
        <v>1.4710300000000001E-2</v>
      </c>
      <c r="B1887">
        <v>358851000</v>
      </c>
      <c r="C1887">
        <v>1.4725800000000001E-2</v>
      </c>
      <c r="D1887">
        <v>211528000</v>
      </c>
      <c r="E1887">
        <v>1.47222E-2</v>
      </c>
      <c r="F1887">
        <v>211174000</v>
      </c>
      <c r="G1887">
        <v>1.4722799999999999E-2</v>
      </c>
      <c r="H1887">
        <v>141877000</v>
      </c>
      <c r="I1887">
        <v>1.4726E-2</v>
      </c>
      <c r="J1887">
        <v>66826000</v>
      </c>
      <c r="K1887">
        <v>1.4733400000000001E-2</v>
      </c>
      <c r="L1887">
        <v>-12472000</v>
      </c>
    </row>
    <row r="1888" spans="1:12" x14ac:dyDescent="0.25">
      <c r="A1888">
        <v>1.5710600000000002E-2</v>
      </c>
      <c r="B1888">
        <v>314304000</v>
      </c>
      <c r="C1888">
        <v>1.57255E-2</v>
      </c>
      <c r="D1888">
        <v>226784000</v>
      </c>
      <c r="E1888">
        <v>1.5722E-2</v>
      </c>
      <c r="F1888">
        <v>230066000</v>
      </c>
      <c r="G1888">
        <v>1.57226E-2</v>
      </c>
      <c r="H1888">
        <v>166123000</v>
      </c>
      <c r="I1888">
        <v>1.5726E-2</v>
      </c>
      <c r="J1888">
        <v>114210000</v>
      </c>
      <c r="K1888">
        <v>1.57337E-2</v>
      </c>
      <c r="L1888">
        <v>69181500</v>
      </c>
    </row>
    <row r="1889" spans="1:12" x14ac:dyDescent="0.25">
      <c r="A1889">
        <v>1.6710800000000001E-2</v>
      </c>
      <c r="B1889">
        <v>269187000</v>
      </c>
      <c r="C1889">
        <v>1.67251E-2</v>
      </c>
      <c r="D1889">
        <v>241377000</v>
      </c>
      <c r="E1889">
        <v>1.67216E-2</v>
      </c>
      <c r="F1889">
        <v>246816000</v>
      </c>
      <c r="G1889">
        <v>1.6722000000000001E-2</v>
      </c>
      <c r="H1889">
        <v>191599000</v>
      </c>
      <c r="I1889">
        <v>1.6725799999999999E-2</v>
      </c>
      <c r="J1889">
        <v>140957000</v>
      </c>
      <c r="K1889">
        <v>1.67332E-2</v>
      </c>
      <c r="L1889">
        <v>92791500</v>
      </c>
    </row>
    <row r="1890" spans="1:12" x14ac:dyDescent="0.25">
      <c r="A1890">
        <v>1.77111E-2</v>
      </c>
      <c r="B1890">
        <v>233152000</v>
      </c>
      <c r="C1890">
        <v>1.7725000000000001E-2</v>
      </c>
      <c r="D1890">
        <v>254792000</v>
      </c>
      <c r="E1890">
        <v>1.7721399999999998E-2</v>
      </c>
      <c r="F1890">
        <v>261505000</v>
      </c>
      <c r="G1890">
        <v>1.7722000000000002E-2</v>
      </c>
      <c r="H1890">
        <v>212641000</v>
      </c>
      <c r="I1890">
        <v>1.7725500000000002E-2</v>
      </c>
      <c r="J1890">
        <v>168908000</v>
      </c>
      <c r="K1890">
        <v>1.7733499999999999E-2</v>
      </c>
      <c r="L1890">
        <v>116609000</v>
      </c>
    </row>
    <row r="1891" spans="1:12" x14ac:dyDescent="0.25">
      <c r="A1891">
        <v>1.87113E-2</v>
      </c>
      <c r="B1891">
        <v>204157000</v>
      </c>
      <c r="C1891">
        <v>1.87247E-2</v>
      </c>
      <c r="D1891">
        <v>267295000</v>
      </c>
      <c r="E1891">
        <v>1.8721100000000001E-2</v>
      </c>
      <c r="F1891">
        <v>274614000</v>
      </c>
      <c r="G1891">
        <v>1.8721399999999999E-2</v>
      </c>
      <c r="H1891">
        <v>233416000</v>
      </c>
      <c r="I1891">
        <v>1.87254E-2</v>
      </c>
      <c r="J1891">
        <v>194908000</v>
      </c>
      <c r="K1891">
        <v>1.8733099999999999E-2</v>
      </c>
      <c r="L1891">
        <v>142091000</v>
      </c>
    </row>
    <row r="1892" spans="1:12" x14ac:dyDescent="0.25">
      <c r="A1892">
        <v>1.9711599999999999E-2</v>
      </c>
      <c r="B1892">
        <v>171458000</v>
      </c>
      <c r="C1892">
        <v>1.9724499999999999E-2</v>
      </c>
      <c r="D1892">
        <v>270609000</v>
      </c>
      <c r="E1892">
        <v>1.9720999999999999E-2</v>
      </c>
      <c r="F1892">
        <v>276823000</v>
      </c>
      <c r="G1892">
        <v>1.97214E-2</v>
      </c>
      <c r="H1892">
        <v>252314000</v>
      </c>
      <c r="I1892">
        <v>1.9724999999999999E-2</v>
      </c>
      <c r="J1892">
        <v>220086000</v>
      </c>
      <c r="K1892">
        <v>1.9733199999999999E-2</v>
      </c>
      <c r="L1892">
        <v>167578000</v>
      </c>
    </row>
    <row r="1893" spans="1:12" x14ac:dyDescent="0.25">
      <c r="A1893">
        <v>2.0711799999999999E-2</v>
      </c>
      <c r="B1893">
        <v>136991000</v>
      </c>
      <c r="C1893">
        <v>2.0724300000000001E-2</v>
      </c>
      <c r="D1893">
        <v>251519000</v>
      </c>
      <c r="E1893">
        <v>2.0720700000000002E-2</v>
      </c>
      <c r="F1893">
        <v>256624000</v>
      </c>
      <c r="G1893">
        <v>2.0721E-2</v>
      </c>
      <c r="H1893">
        <v>253688000</v>
      </c>
      <c r="I1893">
        <v>2.0725E-2</v>
      </c>
      <c r="J1893">
        <v>229081000</v>
      </c>
      <c r="K1893">
        <v>2.0732899999999999E-2</v>
      </c>
      <c r="L1893">
        <v>190213000</v>
      </c>
    </row>
    <row r="1894" spans="1:12" x14ac:dyDescent="0.25">
      <c r="A1894">
        <v>2.1711999999999999E-2</v>
      </c>
      <c r="B1894">
        <v>105235000</v>
      </c>
      <c r="C1894">
        <v>2.17241E-2</v>
      </c>
      <c r="D1894">
        <v>220264000</v>
      </c>
      <c r="E1894">
        <v>2.17206E-2</v>
      </c>
      <c r="F1894">
        <v>225296000</v>
      </c>
      <c r="G1894">
        <v>2.1721000000000001E-2</v>
      </c>
      <c r="H1894">
        <v>231297000</v>
      </c>
      <c r="I1894">
        <v>2.17246E-2</v>
      </c>
      <c r="J1894">
        <v>212808000</v>
      </c>
      <c r="K1894">
        <v>2.17328E-2</v>
      </c>
      <c r="L1894">
        <v>186632000</v>
      </c>
    </row>
    <row r="1895" spans="1:12" x14ac:dyDescent="0.25">
      <c r="A1895">
        <v>2.2712199999999998E-2</v>
      </c>
      <c r="B1895">
        <v>75929900</v>
      </c>
      <c r="C1895">
        <v>2.2723899999999998E-2</v>
      </c>
      <c r="D1895">
        <v>191035000</v>
      </c>
      <c r="E1895">
        <v>2.2720299999999999E-2</v>
      </c>
      <c r="F1895">
        <v>195974000</v>
      </c>
      <c r="G1895">
        <v>2.2720500000000001E-2</v>
      </c>
      <c r="H1895">
        <v>202527000</v>
      </c>
      <c r="I1895">
        <v>2.2724500000000002E-2</v>
      </c>
      <c r="J1895">
        <v>184351000</v>
      </c>
      <c r="K1895">
        <v>2.2732599999999999E-2</v>
      </c>
      <c r="L1895">
        <v>159170000</v>
      </c>
    </row>
    <row r="1896" spans="1:12" x14ac:dyDescent="0.25">
      <c r="A1896">
        <v>2.3712299999999999E-2</v>
      </c>
      <c r="B1896">
        <v>48493800</v>
      </c>
      <c r="C1896">
        <v>2.3723600000000001E-2</v>
      </c>
      <c r="D1896">
        <v>163377000</v>
      </c>
      <c r="E1896">
        <v>2.3720100000000001E-2</v>
      </c>
      <c r="F1896">
        <v>168222000</v>
      </c>
      <c r="G1896">
        <v>2.3720399999999999E-2</v>
      </c>
      <c r="H1896">
        <v>174974000</v>
      </c>
      <c r="I1896">
        <v>2.3724100000000001E-2</v>
      </c>
      <c r="J1896">
        <v>157249000</v>
      </c>
      <c r="K1896">
        <v>2.3732300000000001E-2</v>
      </c>
      <c r="L1896">
        <v>132741000</v>
      </c>
    </row>
    <row r="1897" spans="1:12" x14ac:dyDescent="0.25">
      <c r="A1897">
        <v>2.4712399999999999E-2</v>
      </c>
      <c r="B1897">
        <v>23112600</v>
      </c>
      <c r="C1897">
        <v>2.47234E-2</v>
      </c>
      <c r="D1897">
        <v>137609000</v>
      </c>
      <c r="E1897">
        <v>2.47198E-2</v>
      </c>
      <c r="F1897">
        <v>142373000</v>
      </c>
      <c r="G1897">
        <v>2.4719999999999999E-2</v>
      </c>
      <c r="H1897">
        <v>149221000</v>
      </c>
      <c r="I1897">
        <v>2.4723999999999999E-2</v>
      </c>
      <c r="J1897">
        <v>131700000</v>
      </c>
      <c r="K1897">
        <v>2.47321E-2</v>
      </c>
      <c r="L1897">
        <v>107749000</v>
      </c>
    </row>
    <row r="1898" spans="1:12" x14ac:dyDescent="0.25">
      <c r="A1898">
        <v>2.5712499999999999E-2</v>
      </c>
      <c r="B1898">
        <v>-308701</v>
      </c>
      <c r="C1898">
        <v>2.5723099999999999E-2</v>
      </c>
      <c r="D1898">
        <v>113715000</v>
      </c>
      <c r="E1898">
        <v>2.5719499999999999E-2</v>
      </c>
      <c r="F1898">
        <v>118385000</v>
      </c>
      <c r="G1898">
        <v>2.5719800000000001E-2</v>
      </c>
      <c r="H1898">
        <v>125196000</v>
      </c>
      <c r="I1898">
        <v>2.5723599999999999E-2</v>
      </c>
      <c r="J1898">
        <v>107981000</v>
      </c>
      <c r="K1898">
        <v>2.5731899999999999E-2</v>
      </c>
      <c r="L1898">
        <v>84502900</v>
      </c>
    </row>
    <row r="1899" spans="1:12" x14ac:dyDescent="0.25">
      <c r="A1899">
        <v>2.67126E-2</v>
      </c>
      <c r="B1899">
        <v>-12595100</v>
      </c>
      <c r="C1899">
        <v>2.6722800000000001E-2</v>
      </c>
      <c r="D1899">
        <v>100887000</v>
      </c>
      <c r="E1899">
        <v>2.6719199999999999E-2</v>
      </c>
      <c r="F1899">
        <v>105462000</v>
      </c>
      <c r="G1899">
        <v>2.6719400000000001E-2</v>
      </c>
      <c r="H1899">
        <v>112229000</v>
      </c>
      <c r="I1899">
        <v>2.6723400000000001E-2</v>
      </c>
      <c r="J1899">
        <v>95224700</v>
      </c>
      <c r="K1899">
        <v>2.6731600000000001E-2</v>
      </c>
      <c r="L1899">
        <v>72220400</v>
      </c>
    </row>
    <row r="1900" spans="1:12" x14ac:dyDescent="0.25">
      <c r="A1900">
        <v>2.77127E-2</v>
      </c>
      <c r="B1900">
        <v>-14327700</v>
      </c>
      <c r="C1900">
        <v>2.7722500000000001E-2</v>
      </c>
      <c r="D1900">
        <v>98561200</v>
      </c>
      <c r="E1900">
        <v>2.7719000000000001E-2</v>
      </c>
      <c r="F1900">
        <v>103032000</v>
      </c>
      <c r="G1900">
        <v>2.7719199999999999E-2</v>
      </c>
      <c r="H1900">
        <v>109706000</v>
      </c>
      <c r="I1900">
        <v>2.7723100000000001E-2</v>
      </c>
      <c r="J1900">
        <v>92987300</v>
      </c>
      <c r="K1900">
        <v>2.77314E-2</v>
      </c>
      <c r="L1900">
        <v>70473200</v>
      </c>
    </row>
    <row r="1901" spans="1:12" x14ac:dyDescent="0.25">
      <c r="A1901">
        <v>2.87128E-2</v>
      </c>
      <c r="B1901">
        <v>-15556700</v>
      </c>
      <c r="C1901">
        <v>2.8722299999999999E-2</v>
      </c>
      <c r="D1901">
        <v>96680400</v>
      </c>
      <c r="E1901">
        <v>2.87187E-2</v>
      </c>
      <c r="F1901">
        <v>101041000</v>
      </c>
      <c r="G1901">
        <v>2.8718899999999999E-2</v>
      </c>
      <c r="H1901">
        <v>107627000</v>
      </c>
      <c r="I1901">
        <v>2.8722899999999999E-2</v>
      </c>
      <c r="J1901">
        <v>91154300</v>
      </c>
      <c r="K1901">
        <v>2.8731199999999998E-2</v>
      </c>
      <c r="L1901">
        <v>69147300</v>
      </c>
    </row>
    <row r="1902" spans="1:12" x14ac:dyDescent="0.25">
      <c r="A1902">
        <v>2.97129E-2</v>
      </c>
      <c r="B1902">
        <v>-16569400</v>
      </c>
      <c r="C1902">
        <v>2.9721999999999998E-2</v>
      </c>
      <c r="D1902">
        <v>94965200</v>
      </c>
      <c r="E1902">
        <v>2.9718399999999999E-2</v>
      </c>
      <c r="F1902">
        <v>99209800</v>
      </c>
      <c r="G1902">
        <v>2.9718600000000001E-2</v>
      </c>
      <c r="H1902">
        <v>105681000</v>
      </c>
      <c r="I1902">
        <v>2.9722599999999998E-2</v>
      </c>
      <c r="J1902">
        <v>89494200</v>
      </c>
      <c r="K1902">
        <v>2.9730900000000001E-2</v>
      </c>
      <c r="L1902">
        <v>68024800</v>
      </c>
    </row>
    <row r="1903" spans="1:12" x14ac:dyDescent="0.25">
      <c r="A1903">
        <v>3.0713000000000001E-2</v>
      </c>
      <c r="B1903">
        <v>-17486500</v>
      </c>
      <c r="C1903">
        <v>3.0721700000000001E-2</v>
      </c>
      <c r="D1903">
        <v>93289000</v>
      </c>
      <c r="E1903">
        <v>3.0718200000000001E-2</v>
      </c>
      <c r="F1903">
        <v>97412200</v>
      </c>
      <c r="G1903">
        <v>3.07183E-2</v>
      </c>
      <c r="H1903">
        <v>103765000</v>
      </c>
      <c r="I1903">
        <v>3.07224E-2</v>
      </c>
      <c r="J1903">
        <v>87849800</v>
      </c>
      <c r="K1903">
        <v>3.07307E-2</v>
      </c>
      <c r="L1903">
        <v>66928100</v>
      </c>
    </row>
    <row r="1904" spans="1:12" x14ac:dyDescent="0.25">
      <c r="A1904">
        <v>3.1713100000000001E-2</v>
      </c>
      <c r="B1904">
        <v>-18371900</v>
      </c>
      <c r="C1904">
        <v>3.17215E-2</v>
      </c>
      <c r="D1904">
        <v>91595200</v>
      </c>
      <c r="E1904">
        <v>3.17179E-2</v>
      </c>
      <c r="F1904">
        <v>95592100</v>
      </c>
      <c r="G1904">
        <v>3.1718099999999999E-2</v>
      </c>
      <c r="H1904">
        <v>101813000</v>
      </c>
      <c r="I1904">
        <v>3.1722100000000003E-2</v>
      </c>
      <c r="J1904">
        <v>86182600</v>
      </c>
      <c r="K1904">
        <v>3.1730399999999999E-2</v>
      </c>
      <c r="L1904">
        <v>65834500</v>
      </c>
    </row>
    <row r="1905" spans="1:12" x14ac:dyDescent="0.25">
      <c r="A1905">
        <v>3.2713199999999998E-2</v>
      </c>
      <c r="B1905">
        <v>-19248800</v>
      </c>
      <c r="C1905">
        <v>3.2721199999999999E-2</v>
      </c>
      <c r="D1905">
        <v>89858100</v>
      </c>
      <c r="E1905">
        <v>3.2717700000000002E-2</v>
      </c>
      <c r="F1905">
        <v>93724100</v>
      </c>
      <c r="G1905">
        <v>3.2717799999999998E-2</v>
      </c>
      <c r="H1905">
        <v>99803400</v>
      </c>
      <c r="I1905">
        <v>3.2721800000000002E-2</v>
      </c>
      <c r="J1905">
        <v>84457400</v>
      </c>
      <c r="K1905">
        <v>3.2730200000000001E-2</v>
      </c>
      <c r="L1905">
        <v>64687000</v>
      </c>
    </row>
    <row r="1906" spans="1:12" x14ac:dyDescent="0.25">
      <c r="A1906">
        <v>3.3713300000000002E-2</v>
      </c>
      <c r="B1906">
        <v>-20126400</v>
      </c>
      <c r="C1906">
        <v>3.3721000000000001E-2</v>
      </c>
      <c r="D1906">
        <v>88074800</v>
      </c>
      <c r="E1906">
        <v>3.3717400000000002E-2</v>
      </c>
      <c r="F1906">
        <v>91806700</v>
      </c>
      <c r="G1906">
        <v>3.3717499999999997E-2</v>
      </c>
      <c r="H1906">
        <v>97736300</v>
      </c>
      <c r="I1906">
        <v>3.3721599999999997E-2</v>
      </c>
      <c r="J1906">
        <v>82675500</v>
      </c>
      <c r="K1906">
        <v>3.3730000000000003E-2</v>
      </c>
      <c r="L1906">
        <v>63501900</v>
      </c>
    </row>
    <row r="1907" spans="1:12" x14ac:dyDescent="0.25">
      <c r="A1907">
        <v>3.4713399999999998E-2</v>
      </c>
      <c r="B1907">
        <v>-21005300</v>
      </c>
      <c r="C1907">
        <v>3.47207E-2</v>
      </c>
      <c r="D1907">
        <v>86244600</v>
      </c>
      <c r="E1907">
        <v>3.4717199999999997E-2</v>
      </c>
      <c r="F1907">
        <v>89838600</v>
      </c>
      <c r="G1907">
        <v>3.47173E-2</v>
      </c>
      <c r="H1907">
        <v>95609900</v>
      </c>
      <c r="I1907">
        <v>3.4721399999999999E-2</v>
      </c>
      <c r="J1907">
        <v>80837400</v>
      </c>
      <c r="K1907">
        <v>3.4729799999999998E-2</v>
      </c>
      <c r="L1907">
        <v>62261600</v>
      </c>
    </row>
    <row r="1908" spans="1:12" x14ac:dyDescent="0.25">
      <c r="A1908">
        <v>3.5713500000000002E-2</v>
      </c>
      <c r="B1908">
        <v>-21885600</v>
      </c>
      <c r="C1908">
        <v>3.5720500000000002E-2</v>
      </c>
      <c r="D1908">
        <v>84372400</v>
      </c>
      <c r="E1908">
        <v>3.5716999999999999E-2</v>
      </c>
      <c r="F1908">
        <v>87826700</v>
      </c>
      <c r="G1908">
        <v>3.5716999999999999E-2</v>
      </c>
      <c r="H1908">
        <v>93435100</v>
      </c>
      <c r="I1908">
        <v>3.5721099999999999E-2</v>
      </c>
      <c r="J1908">
        <v>78946400</v>
      </c>
      <c r="K1908">
        <v>3.5729499999999997E-2</v>
      </c>
      <c r="L1908">
        <v>60980700</v>
      </c>
    </row>
    <row r="1909" spans="1:12" x14ac:dyDescent="0.25">
      <c r="A1909">
        <v>3.6713599999999999E-2</v>
      </c>
      <c r="B1909">
        <v>-22765800</v>
      </c>
      <c r="C1909">
        <v>3.6720200000000001E-2</v>
      </c>
      <c r="D1909">
        <v>82461000</v>
      </c>
      <c r="E1909">
        <v>3.6716699999999998E-2</v>
      </c>
      <c r="F1909">
        <v>85772900</v>
      </c>
      <c r="G1909">
        <v>3.6716800000000001E-2</v>
      </c>
      <c r="H1909">
        <v>91211300</v>
      </c>
      <c r="I1909">
        <v>3.6720900000000001E-2</v>
      </c>
      <c r="J1909">
        <v>77010800</v>
      </c>
      <c r="K1909">
        <v>3.6729299999999999E-2</v>
      </c>
      <c r="L1909">
        <v>59653800</v>
      </c>
    </row>
    <row r="1910" spans="1:12" x14ac:dyDescent="0.25">
      <c r="A1910">
        <v>3.7713799999999999E-2</v>
      </c>
      <c r="B1910">
        <v>-23645900</v>
      </c>
      <c r="C1910">
        <v>3.7719999999999997E-2</v>
      </c>
      <c r="D1910">
        <v>80514700</v>
      </c>
      <c r="E1910">
        <v>3.77165E-2</v>
      </c>
      <c r="F1910">
        <v>83683300</v>
      </c>
      <c r="G1910">
        <v>3.7716600000000003E-2</v>
      </c>
      <c r="H1910">
        <v>88949700</v>
      </c>
      <c r="I1910">
        <v>3.7720700000000003E-2</v>
      </c>
      <c r="J1910">
        <v>75030700</v>
      </c>
      <c r="K1910">
        <v>3.7729100000000002E-2</v>
      </c>
      <c r="L1910">
        <v>58288600</v>
      </c>
    </row>
    <row r="1911" spans="1:12" x14ac:dyDescent="0.25">
      <c r="A1911">
        <v>3.8713900000000002E-2</v>
      </c>
      <c r="B1911">
        <v>-24525300</v>
      </c>
      <c r="C1911">
        <v>3.8719799999999999E-2</v>
      </c>
      <c r="D1911">
        <v>78536000</v>
      </c>
      <c r="E1911">
        <v>3.8716300000000002E-2</v>
      </c>
      <c r="F1911">
        <v>81559800</v>
      </c>
      <c r="G1911">
        <v>3.8716300000000002E-2</v>
      </c>
      <c r="H1911">
        <v>86649500</v>
      </c>
      <c r="I1911">
        <v>3.8720499999999998E-2</v>
      </c>
      <c r="J1911">
        <v>73015200</v>
      </c>
      <c r="K1911">
        <v>3.8728899999999997E-2</v>
      </c>
      <c r="L1911">
        <v>56884700</v>
      </c>
    </row>
    <row r="1912" spans="1:12" x14ac:dyDescent="0.25">
      <c r="A1912">
        <v>3.9713999999999999E-2</v>
      </c>
      <c r="B1912">
        <v>-25404200</v>
      </c>
      <c r="C1912">
        <v>3.9719600000000001E-2</v>
      </c>
      <c r="D1912">
        <v>76528200</v>
      </c>
      <c r="E1912">
        <v>3.9716099999999997E-2</v>
      </c>
      <c r="F1912">
        <v>79407300</v>
      </c>
      <c r="G1912">
        <v>3.9716099999999997E-2</v>
      </c>
      <c r="H1912">
        <v>84319900</v>
      </c>
      <c r="I1912">
        <v>3.97203E-2</v>
      </c>
      <c r="J1912">
        <v>70963500</v>
      </c>
      <c r="K1912">
        <v>3.9728699999999999E-2</v>
      </c>
      <c r="L1912">
        <v>55445500</v>
      </c>
    </row>
    <row r="1913" spans="1:12" x14ac:dyDescent="0.25">
      <c r="A1913">
        <v>4.0714100000000003E-2</v>
      </c>
      <c r="B1913">
        <v>-26282400</v>
      </c>
      <c r="C1913">
        <v>4.0719400000000003E-2</v>
      </c>
      <c r="D1913">
        <v>74494200</v>
      </c>
      <c r="E1913">
        <v>4.0715899999999999E-2</v>
      </c>
      <c r="F1913">
        <v>77228100</v>
      </c>
      <c r="G1913">
        <v>4.0715899999999999E-2</v>
      </c>
      <c r="H1913">
        <v>81961100</v>
      </c>
      <c r="I1913">
        <v>4.0720100000000002E-2</v>
      </c>
      <c r="J1913">
        <v>68884100</v>
      </c>
      <c r="K1913">
        <v>4.0728500000000001E-2</v>
      </c>
      <c r="L1913">
        <v>53973200</v>
      </c>
    </row>
    <row r="1914" spans="1:12" x14ac:dyDescent="0.25">
      <c r="A1914">
        <v>4.17142E-2</v>
      </c>
      <c r="B1914">
        <v>-27160200</v>
      </c>
      <c r="C1914">
        <v>4.1719199999999998E-2</v>
      </c>
      <c r="D1914">
        <v>72436500</v>
      </c>
      <c r="E1914">
        <v>4.1715700000000001E-2</v>
      </c>
      <c r="F1914">
        <v>75026100</v>
      </c>
      <c r="G1914">
        <v>4.1715700000000001E-2</v>
      </c>
      <c r="H1914">
        <v>79580500</v>
      </c>
      <c r="I1914">
        <v>4.1719899999999997E-2</v>
      </c>
      <c r="J1914">
        <v>66776500</v>
      </c>
      <c r="K1914">
        <v>4.1728399999999999E-2</v>
      </c>
      <c r="L1914">
        <v>52469200</v>
      </c>
    </row>
    <row r="1915" spans="1:12" x14ac:dyDescent="0.25">
      <c r="A1915">
        <v>4.2714299999999997E-2</v>
      </c>
      <c r="B1915">
        <v>-28037300</v>
      </c>
      <c r="C1915">
        <v>4.2719E-2</v>
      </c>
      <c r="D1915">
        <v>70358400</v>
      </c>
      <c r="E1915">
        <v>4.2715599999999999E-2</v>
      </c>
      <c r="F1915">
        <v>72804400</v>
      </c>
      <c r="G1915">
        <v>4.2715500000000003E-2</v>
      </c>
      <c r="H1915">
        <v>77179700</v>
      </c>
      <c r="I1915">
        <v>4.2719699999999999E-2</v>
      </c>
      <c r="J1915">
        <v>64648600</v>
      </c>
      <c r="K1915">
        <v>4.2728200000000001E-2</v>
      </c>
      <c r="L1915">
        <v>50937300</v>
      </c>
    </row>
    <row r="1916" spans="1:12" x14ac:dyDescent="0.25">
      <c r="A1916">
        <v>4.37144E-2</v>
      </c>
      <c r="B1916">
        <v>-28914800</v>
      </c>
      <c r="C1916">
        <v>4.3718800000000002E-2</v>
      </c>
      <c r="D1916">
        <v>68260800</v>
      </c>
      <c r="E1916">
        <v>4.3715400000000001E-2</v>
      </c>
      <c r="F1916">
        <v>70564700</v>
      </c>
      <c r="G1916">
        <v>4.3715400000000001E-2</v>
      </c>
      <c r="H1916">
        <v>74763000</v>
      </c>
      <c r="I1916">
        <v>4.3719599999999997E-2</v>
      </c>
      <c r="J1916">
        <v>62499000</v>
      </c>
      <c r="K1916">
        <v>4.3728000000000003E-2</v>
      </c>
      <c r="L1916">
        <v>49377200</v>
      </c>
    </row>
    <row r="1917" spans="1:12" x14ac:dyDescent="0.25">
      <c r="A1917">
        <v>4.4714499999999997E-2</v>
      </c>
      <c r="B1917">
        <v>-29789700</v>
      </c>
      <c r="C1917">
        <v>4.47187E-2</v>
      </c>
      <c r="D1917">
        <v>66151400</v>
      </c>
      <c r="E1917">
        <v>4.4715199999999997E-2</v>
      </c>
      <c r="F1917">
        <v>68315000</v>
      </c>
      <c r="G1917">
        <v>4.4715199999999997E-2</v>
      </c>
      <c r="H1917">
        <v>72337400</v>
      </c>
      <c r="I1917">
        <v>4.4719399999999999E-2</v>
      </c>
      <c r="J1917">
        <v>60338700</v>
      </c>
      <c r="K1917">
        <v>4.4727799999999998E-2</v>
      </c>
      <c r="L1917">
        <v>47796100</v>
      </c>
    </row>
    <row r="1918" spans="1:12" x14ac:dyDescent="0.25">
      <c r="A1918">
        <v>4.5714600000000001E-2</v>
      </c>
      <c r="B1918">
        <v>-30670600</v>
      </c>
      <c r="C1918">
        <v>4.5718500000000002E-2</v>
      </c>
      <c r="D1918">
        <v>64018200</v>
      </c>
      <c r="E1918">
        <v>4.5715100000000002E-2</v>
      </c>
      <c r="F1918">
        <v>66042800</v>
      </c>
      <c r="G1918">
        <v>4.5714999999999999E-2</v>
      </c>
      <c r="H1918">
        <v>69891800</v>
      </c>
      <c r="I1918">
        <v>4.5719299999999997E-2</v>
      </c>
      <c r="J1918">
        <v>58154400</v>
      </c>
      <c r="K1918">
        <v>4.5727700000000003E-2</v>
      </c>
      <c r="L1918">
        <v>46184200</v>
      </c>
    </row>
    <row r="1919" spans="1:12" x14ac:dyDescent="0.25">
      <c r="A1919">
        <v>4.6714699999999998E-2</v>
      </c>
      <c r="B1919">
        <v>-31533400</v>
      </c>
      <c r="C1919">
        <v>4.6718299999999997E-2</v>
      </c>
      <c r="D1919">
        <v>61905800</v>
      </c>
      <c r="E1919">
        <v>4.6714899999999997E-2</v>
      </c>
      <c r="F1919">
        <v>63795900</v>
      </c>
      <c r="G1919">
        <v>4.6714899999999997E-2</v>
      </c>
      <c r="H1919">
        <v>67475700</v>
      </c>
      <c r="I1919">
        <v>4.67191E-2</v>
      </c>
      <c r="J1919">
        <v>55993000</v>
      </c>
      <c r="K1919">
        <v>4.6727499999999998E-2</v>
      </c>
      <c r="L1919">
        <v>44576500</v>
      </c>
    </row>
    <row r="1920" spans="1:12" x14ac:dyDescent="0.25">
      <c r="A1920">
        <v>4.7714899999999998E-2</v>
      </c>
      <c r="B1920">
        <v>-32439900</v>
      </c>
      <c r="C1920">
        <v>4.7718200000000002E-2</v>
      </c>
      <c r="D1920">
        <v>59700400</v>
      </c>
      <c r="E1920">
        <v>4.7714800000000002E-2</v>
      </c>
      <c r="F1920">
        <v>61453200</v>
      </c>
      <c r="G1920">
        <v>4.7714699999999999E-2</v>
      </c>
      <c r="H1920">
        <v>64962100</v>
      </c>
      <c r="I1920">
        <v>4.7718999999999998E-2</v>
      </c>
      <c r="J1920">
        <v>53739700</v>
      </c>
      <c r="K1920">
        <v>4.7727400000000003E-2</v>
      </c>
      <c r="L1920">
        <v>42886300</v>
      </c>
    </row>
    <row r="1921" spans="1:12" x14ac:dyDescent="0.25">
      <c r="A1921">
        <v>4.8715000000000001E-2</v>
      </c>
      <c r="B1921">
        <v>-33263800</v>
      </c>
      <c r="C1921">
        <v>4.8717999999999997E-2</v>
      </c>
      <c r="D1921">
        <v>57686000</v>
      </c>
      <c r="E1921">
        <v>4.8714599999999997E-2</v>
      </c>
      <c r="F1921">
        <v>59315600</v>
      </c>
      <c r="G1921">
        <v>4.8714599999999997E-2</v>
      </c>
      <c r="H1921">
        <v>62670600</v>
      </c>
      <c r="I1921">
        <v>4.87188E-2</v>
      </c>
      <c r="J1921">
        <v>51683200</v>
      </c>
      <c r="K1921">
        <v>4.8727199999999998E-2</v>
      </c>
      <c r="L1921">
        <v>41334100</v>
      </c>
    </row>
    <row r="1922" spans="1:12" x14ac:dyDescent="0.25">
      <c r="A1922">
        <v>4.9715099999999998E-2</v>
      </c>
      <c r="B1922">
        <v>-34279700</v>
      </c>
      <c r="C1922">
        <v>4.9717900000000002E-2</v>
      </c>
      <c r="D1922">
        <v>55093400</v>
      </c>
      <c r="E1922">
        <v>4.9714500000000002E-2</v>
      </c>
      <c r="F1922">
        <v>56573400</v>
      </c>
      <c r="G1922">
        <v>4.9714500000000002E-2</v>
      </c>
      <c r="H1922">
        <v>59736700</v>
      </c>
      <c r="I1922">
        <v>4.9718699999999998E-2</v>
      </c>
      <c r="J1922">
        <v>49038000</v>
      </c>
      <c r="K1922">
        <v>4.9727100000000003E-2</v>
      </c>
      <c r="L1922">
        <v>39308300</v>
      </c>
    </row>
    <row r="1923" spans="1:12" x14ac:dyDescent="0.25">
      <c r="A1923">
        <v>5.1715299999999999E-2</v>
      </c>
      <c r="B1923">
        <v>-35729300</v>
      </c>
      <c r="C1923">
        <v>5.1717600000000002E-2</v>
      </c>
      <c r="D1923">
        <v>51569100</v>
      </c>
      <c r="E1923">
        <v>5.1714299999999998E-2</v>
      </c>
      <c r="F1923">
        <v>52846500</v>
      </c>
      <c r="G1923">
        <v>5.1714200000000002E-2</v>
      </c>
      <c r="H1923">
        <v>55759600</v>
      </c>
      <c r="I1923">
        <v>5.1718500000000001E-2</v>
      </c>
      <c r="J1923">
        <v>45454500</v>
      </c>
      <c r="K1923">
        <v>5.1726800000000003E-2</v>
      </c>
      <c r="L1923">
        <v>36552000</v>
      </c>
    </row>
    <row r="1924" spans="1:12" x14ac:dyDescent="0.25">
      <c r="A1924">
        <v>5.3715600000000002E-2</v>
      </c>
      <c r="B1924">
        <v>-37670200</v>
      </c>
      <c r="C1924">
        <v>5.3717399999999998E-2</v>
      </c>
      <c r="D1924">
        <v>46812300</v>
      </c>
      <c r="E1924">
        <v>5.3714100000000001E-2</v>
      </c>
      <c r="F1924">
        <v>47832900</v>
      </c>
      <c r="G1924">
        <v>5.3713999999999998E-2</v>
      </c>
      <c r="H1924">
        <v>50428200</v>
      </c>
      <c r="I1924">
        <v>5.3718299999999997E-2</v>
      </c>
      <c r="J1924">
        <v>40634900</v>
      </c>
      <c r="K1924">
        <v>5.3726599999999999E-2</v>
      </c>
      <c r="L1924">
        <v>32785100</v>
      </c>
    </row>
    <row r="1925" spans="1:12" x14ac:dyDescent="0.25">
      <c r="A1925">
        <v>5.5715800000000003E-2</v>
      </c>
      <c r="B1925">
        <v>-39419000</v>
      </c>
      <c r="C1925">
        <v>5.5717200000000001E-2</v>
      </c>
      <c r="D1925">
        <v>42526100</v>
      </c>
      <c r="E1925">
        <v>5.5713899999999997E-2</v>
      </c>
      <c r="F1925">
        <v>43329400</v>
      </c>
      <c r="G1925">
        <v>5.5713800000000001E-2</v>
      </c>
      <c r="H1925">
        <v>45656200</v>
      </c>
      <c r="I1925">
        <v>5.57181E-2</v>
      </c>
      <c r="J1925">
        <v>36308500</v>
      </c>
      <c r="K1925">
        <v>5.5726400000000002E-2</v>
      </c>
      <c r="L1925">
        <v>29353600</v>
      </c>
    </row>
    <row r="1926" spans="1:12" x14ac:dyDescent="0.25">
      <c r="A1926">
        <v>5.7716099999999999E-2</v>
      </c>
      <c r="B1926">
        <v>-41167900</v>
      </c>
      <c r="C1926">
        <v>5.7716999999999997E-2</v>
      </c>
      <c r="D1926">
        <v>38268300</v>
      </c>
      <c r="E1926">
        <v>5.77137E-2</v>
      </c>
      <c r="F1926">
        <v>38868800</v>
      </c>
      <c r="G1926">
        <v>5.77137E-2</v>
      </c>
      <c r="H1926">
        <v>40946700</v>
      </c>
      <c r="I1926">
        <v>5.7717999999999998E-2</v>
      </c>
      <c r="J1926">
        <v>32028600</v>
      </c>
      <c r="K1926">
        <v>5.7726199999999998E-2</v>
      </c>
      <c r="L1926">
        <v>25912500</v>
      </c>
    </row>
    <row r="1927" spans="1:12" x14ac:dyDescent="0.25">
      <c r="A1927">
        <v>5.97163E-2</v>
      </c>
      <c r="B1927">
        <v>-42917400</v>
      </c>
      <c r="C1927">
        <v>5.9716900000000003E-2</v>
      </c>
      <c r="D1927">
        <v>34047900</v>
      </c>
      <c r="E1927">
        <v>5.9713599999999999E-2</v>
      </c>
      <c r="F1927">
        <v>34459800</v>
      </c>
      <c r="G1927">
        <v>5.9713500000000003E-2</v>
      </c>
      <c r="H1927">
        <v>36308400</v>
      </c>
      <c r="I1927">
        <v>5.9717800000000001E-2</v>
      </c>
      <c r="J1927">
        <v>27804400</v>
      </c>
      <c r="K1927">
        <v>5.9726000000000001E-2</v>
      </c>
      <c r="L1927">
        <v>22471600</v>
      </c>
    </row>
    <row r="1928" spans="1:12" x14ac:dyDescent="0.25">
      <c r="A1928">
        <v>6.1716600000000003E-2</v>
      </c>
      <c r="B1928">
        <v>-44668100</v>
      </c>
      <c r="C1928">
        <v>6.1716699999999999E-2</v>
      </c>
      <c r="D1928">
        <v>29872200</v>
      </c>
      <c r="E1928">
        <v>6.1713499999999998E-2</v>
      </c>
      <c r="F1928">
        <v>30109500</v>
      </c>
      <c r="G1928">
        <v>6.1713400000000002E-2</v>
      </c>
      <c r="H1928">
        <v>31748200</v>
      </c>
      <c r="I1928">
        <v>6.17177E-2</v>
      </c>
      <c r="J1928">
        <v>23643000</v>
      </c>
      <c r="K1928">
        <v>6.1725799999999997E-2</v>
      </c>
      <c r="L1928">
        <v>19039900</v>
      </c>
    </row>
    <row r="1929" spans="1:12" x14ac:dyDescent="0.25">
      <c r="A1929">
        <v>6.3716800000000004E-2</v>
      </c>
      <c r="B1929">
        <v>-46421700</v>
      </c>
      <c r="C1929">
        <v>6.3716599999999998E-2</v>
      </c>
      <c r="D1929">
        <v>25745400</v>
      </c>
      <c r="E1929">
        <v>6.3713400000000003E-2</v>
      </c>
      <c r="F1929">
        <v>25821500</v>
      </c>
      <c r="G1929">
        <v>6.3713400000000003E-2</v>
      </c>
      <c r="H1929">
        <v>27269000</v>
      </c>
      <c r="I1929">
        <v>6.3717700000000002E-2</v>
      </c>
      <c r="J1929">
        <v>19548200</v>
      </c>
      <c r="K1929">
        <v>6.3725699999999996E-2</v>
      </c>
      <c r="L1929">
        <v>15623500</v>
      </c>
    </row>
    <row r="1930" spans="1:12" x14ac:dyDescent="0.25">
      <c r="A1930">
        <v>6.5717100000000001E-2</v>
      </c>
      <c r="B1930">
        <v>-48181900</v>
      </c>
      <c r="C1930">
        <v>6.57166E-2</v>
      </c>
      <c r="D1930">
        <v>21668900</v>
      </c>
      <c r="E1930">
        <v>6.5713300000000002E-2</v>
      </c>
      <c r="F1930">
        <v>21596400</v>
      </c>
      <c r="G1930">
        <v>6.5713300000000002E-2</v>
      </c>
      <c r="H1930">
        <v>22870300</v>
      </c>
      <c r="I1930">
        <v>6.5717600000000001E-2</v>
      </c>
      <c r="J1930">
        <v>15520600</v>
      </c>
      <c r="K1930">
        <v>6.5725599999999995E-2</v>
      </c>
      <c r="L1930">
        <v>12226600</v>
      </c>
    </row>
    <row r="1931" spans="1:12" x14ac:dyDescent="0.25">
      <c r="A1931">
        <v>6.7717299999999994E-2</v>
      </c>
      <c r="B1931">
        <v>-49951100</v>
      </c>
      <c r="C1931">
        <v>6.7716499999999999E-2</v>
      </c>
      <c r="D1931">
        <v>17652300</v>
      </c>
      <c r="E1931">
        <v>6.7713300000000004E-2</v>
      </c>
      <c r="F1931">
        <v>17442400</v>
      </c>
      <c r="G1931">
        <v>6.7713300000000004E-2</v>
      </c>
      <c r="H1931">
        <v>18560100</v>
      </c>
      <c r="I1931">
        <v>6.7717600000000003E-2</v>
      </c>
      <c r="J1931">
        <v>11568800</v>
      </c>
      <c r="K1931">
        <v>6.7725499999999994E-2</v>
      </c>
      <c r="L1931">
        <v>8860720</v>
      </c>
    </row>
    <row r="1932" spans="1:12" x14ac:dyDescent="0.25">
      <c r="A1932">
        <v>6.9717600000000005E-2</v>
      </c>
      <c r="B1932">
        <v>-51639100</v>
      </c>
      <c r="C1932">
        <v>6.9716500000000001E-2</v>
      </c>
      <c r="D1932">
        <v>13876000</v>
      </c>
      <c r="E1932">
        <v>6.9713300000000006E-2</v>
      </c>
      <c r="F1932">
        <v>13545100</v>
      </c>
      <c r="G1932">
        <v>6.9713300000000006E-2</v>
      </c>
      <c r="H1932">
        <v>14527700</v>
      </c>
      <c r="I1932">
        <v>6.9717500000000002E-2</v>
      </c>
      <c r="J1932">
        <v>7866720</v>
      </c>
      <c r="K1932">
        <v>6.9725400000000007E-2</v>
      </c>
      <c r="L1932">
        <v>5679390</v>
      </c>
    </row>
    <row r="1933" spans="1:12" x14ac:dyDescent="0.25">
      <c r="A1933">
        <v>7.1717900000000001E-2</v>
      </c>
      <c r="B1933">
        <v>-53526300</v>
      </c>
      <c r="C1933">
        <v>7.17164E-2</v>
      </c>
      <c r="D1933">
        <v>9695070</v>
      </c>
      <c r="E1933">
        <v>7.1713299999999994E-2</v>
      </c>
      <c r="F1933">
        <v>9241480</v>
      </c>
      <c r="G1933">
        <v>7.1713299999999994E-2</v>
      </c>
      <c r="H1933">
        <v>10088800</v>
      </c>
      <c r="I1933">
        <v>7.1717600000000006E-2</v>
      </c>
      <c r="J1933">
        <v>3783330</v>
      </c>
      <c r="K1933">
        <v>7.1725399999999995E-2</v>
      </c>
      <c r="L1933">
        <v>2132560</v>
      </c>
    </row>
    <row r="1934" spans="1:12" x14ac:dyDescent="0.25">
      <c r="A1934">
        <v>7.4718300000000001E-2</v>
      </c>
      <c r="B1934">
        <v>-56101900</v>
      </c>
      <c r="C1934">
        <v>7.4716400000000002E-2</v>
      </c>
      <c r="D1934">
        <v>4125500</v>
      </c>
      <c r="E1934">
        <v>7.4713299999999996E-2</v>
      </c>
      <c r="F1934">
        <v>3525100</v>
      </c>
      <c r="G1934">
        <v>7.4713299999999996E-2</v>
      </c>
      <c r="H1934">
        <v>4216340</v>
      </c>
      <c r="I1934">
        <v>7.4717599999999995E-2</v>
      </c>
      <c r="J1934">
        <v>-1628910</v>
      </c>
      <c r="K1934">
        <v>7.4725299999999995E-2</v>
      </c>
      <c r="L1934">
        <v>-2625750</v>
      </c>
    </row>
    <row r="1935" spans="1:12" x14ac:dyDescent="0.25">
      <c r="A1935">
        <v>7.7718700000000002E-2</v>
      </c>
      <c r="B1935">
        <v>-59614300</v>
      </c>
      <c r="C1935">
        <v>7.7716400000000005E-2</v>
      </c>
      <c r="D1935">
        <v>-3155990</v>
      </c>
      <c r="E1935">
        <v>7.7713400000000002E-2</v>
      </c>
      <c r="F1935">
        <v>-3923860</v>
      </c>
      <c r="G1935">
        <v>7.7713400000000002E-2</v>
      </c>
      <c r="H1935">
        <v>-3396120</v>
      </c>
      <c r="I1935">
        <v>7.7717700000000001E-2</v>
      </c>
      <c r="J1935">
        <v>-8658660</v>
      </c>
      <c r="K1935">
        <v>7.7725299999999997E-2</v>
      </c>
      <c r="L1935">
        <v>-8893610</v>
      </c>
    </row>
    <row r="1936" spans="1:12" x14ac:dyDescent="0.25">
      <c r="A1936">
        <v>8.4195999999999993E-2</v>
      </c>
      <c r="B1936">
        <v>-64630500</v>
      </c>
      <c r="C1936">
        <v>8.4193000000000004E-2</v>
      </c>
      <c r="D1936">
        <v>-13053900</v>
      </c>
      <c r="E1936">
        <v>8.4190000000000001E-2</v>
      </c>
      <c r="F1936">
        <v>-14020300</v>
      </c>
      <c r="G1936">
        <v>8.4190100000000004E-2</v>
      </c>
      <c r="H1936">
        <v>-13661400</v>
      </c>
      <c r="I1936">
        <v>8.41943E-2</v>
      </c>
      <c r="J1936">
        <v>-18156200</v>
      </c>
      <c r="K1936">
        <v>8.4201799999999993E-2</v>
      </c>
      <c r="L1936">
        <v>-17470900</v>
      </c>
    </row>
    <row r="1937" spans="1:12" x14ac:dyDescent="0.25">
      <c r="A1937">
        <v>9.1009999999999994E-2</v>
      </c>
      <c r="B1937">
        <v>-70829500</v>
      </c>
      <c r="C1937">
        <v>9.1006500000000004E-2</v>
      </c>
      <c r="D1937">
        <v>-24653400</v>
      </c>
      <c r="E1937">
        <v>9.1003500000000001E-2</v>
      </c>
      <c r="F1937">
        <v>-25825100</v>
      </c>
      <c r="G1937">
        <v>9.1003600000000004E-2</v>
      </c>
      <c r="H1937">
        <v>-25606500</v>
      </c>
      <c r="I1937">
        <v>9.10078E-2</v>
      </c>
      <c r="J1937">
        <v>-29226600</v>
      </c>
      <c r="K1937">
        <v>9.1015100000000002E-2</v>
      </c>
      <c r="L1937">
        <v>-27576900</v>
      </c>
    </row>
    <row r="1938" spans="1:12" x14ac:dyDescent="0.25">
      <c r="A1938">
        <v>9.8178399999999999E-2</v>
      </c>
      <c r="B1938">
        <v>-77493900</v>
      </c>
      <c r="C1938">
        <v>9.8174300000000006E-2</v>
      </c>
      <c r="D1938">
        <v>-36339500</v>
      </c>
      <c r="E1938">
        <v>9.8171400000000006E-2</v>
      </c>
      <c r="F1938">
        <v>-37696100</v>
      </c>
      <c r="G1938">
        <v>9.8171499999999995E-2</v>
      </c>
      <c r="H1938">
        <v>-37558700</v>
      </c>
      <c r="I1938">
        <v>9.8175700000000005E-2</v>
      </c>
      <c r="J1938">
        <v>-40320400</v>
      </c>
      <c r="K1938">
        <v>9.8182800000000001E-2</v>
      </c>
      <c r="L1938">
        <v>-37799700</v>
      </c>
    </row>
    <row r="1939" spans="1:12" x14ac:dyDescent="0.25">
      <c r="A1939">
        <v>0.10571999999999999</v>
      </c>
      <c r="B1939">
        <v>-84709100</v>
      </c>
      <c r="C1939">
        <v>0.105715</v>
      </c>
      <c r="D1939">
        <v>-48227200</v>
      </c>
      <c r="E1939">
        <v>0.105712</v>
      </c>
      <c r="F1939">
        <v>-49770400</v>
      </c>
      <c r="G1939">
        <v>0.105712</v>
      </c>
      <c r="H1939">
        <v>-49673400</v>
      </c>
      <c r="I1939">
        <v>0.105716</v>
      </c>
      <c r="J1939">
        <v>-51568900</v>
      </c>
      <c r="K1939">
        <v>0.105723</v>
      </c>
      <c r="L1939">
        <v>-48198000</v>
      </c>
    </row>
    <row r="1940" spans="1:12" x14ac:dyDescent="0.25">
      <c r="A1940">
        <v>0.113653</v>
      </c>
      <c r="B1940">
        <v>-92575100</v>
      </c>
      <c r="C1940">
        <v>0.113648</v>
      </c>
      <c r="D1940">
        <v>-60472400</v>
      </c>
      <c r="E1940">
        <v>0.113645</v>
      </c>
      <c r="F1940">
        <v>-62228200</v>
      </c>
      <c r="G1940">
        <v>0.113645</v>
      </c>
      <c r="H1940">
        <v>-62150000</v>
      </c>
      <c r="I1940">
        <v>0.113649</v>
      </c>
      <c r="J1940">
        <v>-63140200</v>
      </c>
      <c r="K1940">
        <v>0.11365599999999999</v>
      </c>
      <c r="L1940">
        <v>-58857800</v>
      </c>
    </row>
    <row r="1941" spans="1:12" x14ac:dyDescent="0.25">
      <c r="A1941">
        <v>0.121998</v>
      </c>
      <c r="B1941">
        <v>-101209000</v>
      </c>
      <c r="C1941">
        <v>0.121993</v>
      </c>
      <c r="D1941">
        <v>-73274600</v>
      </c>
      <c r="E1941">
        <v>0.12199</v>
      </c>
      <c r="F1941">
        <v>-75299500</v>
      </c>
      <c r="G1941">
        <v>0.12199</v>
      </c>
      <c r="H1941">
        <v>-75239400</v>
      </c>
      <c r="I1941">
        <v>0.12199500000000001</v>
      </c>
      <c r="J1941">
        <v>-75242900</v>
      </c>
      <c r="K1941">
        <v>0.122001</v>
      </c>
      <c r="L1941">
        <v>-69888600</v>
      </c>
    </row>
    <row r="1942" spans="1:12" x14ac:dyDescent="0.25">
      <c r="A1942">
        <v>0.13077800000000001</v>
      </c>
      <c r="B1942">
        <v>-110736000</v>
      </c>
      <c r="C1942">
        <v>0.130772</v>
      </c>
      <c r="D1942">
        <v>-86866100</v>
      </c>
      <c r="E1942">
        <v>0.13077</v>
      </c>
      <c r="F1942">
        <v>-89256500</v>
      </c>
      <c r="G1942">
        <v>0.13077</v>
      </c>
      <c r="H1942">
        <v>-89240500</v>
      </c>
      <c r="I1942">
        <v>0.130774</v>
      </c>
      <c r="J1942">
        <v>-88118200</v>
      </c>
      <c r="K1942">
        <v>0.13078000000000001</v>
      </c>
      <c r="L1942">
        <v>-81402800</v>
      </c>
    </row>
    <row r="1943" spans="1:12" x14ac:dyDescent="0.25">
      <c r="A1943">
        <v>0.140014</v>
      </c>
      <c r="B1943">
        <v>-121283000</v>
      </c>
      <c r="C1943">
        <v>0.14000799999999999</v>
      </c>
      <c r="D1943">
        <v>-101507000</v>
      </c>
      <c r="E1943">
        <v>0.14000599999999999</v>
      </c>
      <c r="F1943">
        <v>-104418000</v>
      </c>
      <c r="G1943">
        <v>0.14000599999999999</v>
      </c>
      <c r="H1943">
        <v>-104512000</v>
      </c>
      <c r="I1943">
        <v>0.14001</v>
      </c>
      <c r="J1943">
        <v>-102042000</v>
      </c>
      <c r="K1943">
        <v>0.140016</v>
      </c>
      <c r="L1943">
        <v>-93492300</v>
      </c>
    </row>
    <row r="1944" spans="1:12" x14ac:dyDescent="0.25">
      <c r="A1944">
        <v>0.149731</v>
      </c>
      <c r="B1944">
        <v>-126827000</v>
      </c>
      <c r="C1944">
        <v>0.149725</v>
      </c>
      <c r="D1944">
        <v>-109125000</v>
      </c>
      <c r="E1944">
        <v>0.14972199999999999</v>
      </c>
      <c r="F1944">
        <v>-112343000</v>
      </c>
      <c r="G1944">
        <v>0.14972199999999999</v>
      </c>
      <c r="H1944">
        <v>-112514000</v>
      </c>
      <c r="I1944">
        <v>0.149726</v>
      </c>
      <c r="J1944">
        <v>-109304000</v>
      </c>
      <c r="K1944">
        <v>0.149733</v>
      </c>
      <c r="L1944">
        <v>-99690400</v>
      </c>
    </row>
    <row r="1946" spans="1:12" x14ac:dyDescent="0.25">
      <c r="A1946" t="s">
        <v>46</v>
      </c>
    </row>
    <row r="1947" spans="1:12" x14ac:dyDescent="0.25">
      <c r="A1947" s="10" t="s">
        <v>18</v>
      </c>
      <c r="B1947" s="10" t="s">
        <v>25</v>
      </c>
      <c r="C1947" t="s">
        <v>18</v>
      </c>
      <c r="D1947" t="s">
        <v>41</v>
      </c>
      <c r="E1947" t="s">
        <v>18</v>
      </c>
      <c r="F1947" t="s">
        <v>47</v>
      </c>
      <c r="G1947" t="s">
        <v>18</v>
      </c>
      <c r="H1947" t="s">
        <v>44</v>
      </c>
      <c r="I1947" t="s">
        <v>18</v>
      </c>
      <c r="J1947" t="s">
        <v>45</v>
      </c>
    </row>
    <row r="1948" spans="1:12" x14ac:dyDescent="0.25">
      <c r="A1948" s="10">
        <v>0</v>
      </c>
      <c r="B1948" s="10">
        <v>432692000</v>
      </c>
      <c r="C1948">
        <v>0</v>
      </c>
      <c r="D1948">
        <v>-119202000</v>
      </c>
      <c r="E1948">
        <v>0</v>
      </c>
      <c r="F1948">
        <v>-98017400</v>
      </c>
      <c r="G1948">
        <v>0</v>
      </c>
      <c r="H1948">
        <v>132928000</v>
      </c>
      <c r="I1948">
        <v>0</v>
      </c>
      <c r="J1948">
        <v>237225000</v>
      </c>
    </row>
    <row r="1949" spans="1:12" x14ac:dyDescent="0.25">
      <c r="A1949" s="10">
        <v>9.0454800000000003E-4</v>
      </c>
      <c r="B1949" s="10">
        <v>432677000</v>
      </c>
      <c r="C1949">
        <v>9.00036E-4</v>
      </c>
      <c r="D1949">
        <v>-141370000</v>
      </c>
      <c r="E1949">
        <v>9.0018699999999999E-4</v>
      </c>
      <c r="F1949">
        <v>-113305000</v>
      </c>
      <c r="G1949">
        <v>9.0271899999999996E-4</v>
      </c>
      <c r="H1949">
        <v>119186000</v>
      </c>
      <c r="I1949">
        <v>9.0367400000000004E-4</v>
      </c>
      <c r="J1949">
        <v>241910000</v>
      </c>
    </row>
    <row r="1950" spans="1:12" x14ac:dyDescent="0.25">
      <c r="A1950" s="10">
        <v>1.73072E-3</v>
      </c>
      <c r="B1950" s="10">
        <v>432771000</v>
      </c>
      <c r="C1950">
        <v>1.7238900000000001E-3</v>
      </c>
      <c r="D1950">
        <v>-174161000</v>
      </c>
      <c r="E1950">
        <v>1.7247499999999999E-3</v>
      </c>
      <c r="F1950">
        <v>-134853000</v>
      </c>
      <c r="G1950">
        <v>1.7267199999999999E-3</v>
      </c>
      <c r="H1950">
        <v>62236700</v>
      </c>
      <c r="I1950">
        <v>1.72912E-3</v>
      </c>
      <c r="J1950">
        <v>239515000</v>
      </c>
    </row>
    <row r="1951" spans="1:12" x14ac:dyDescent="0.25">
      <c r="A1951" s="10">
        <v>2.4856499999999998E-3</v>
      </c>
      <c r="B1951" s="10">
        <v>433479000</v>
      </c>
      <c r="C1951">
        <v>2.4842499999999999E-3</v>
      </c>
      <c r="D1951">
        <v>-177474000</v>
      </c>
      <c r="E1951">
        <v>2.4802299999999999E-3</v>
      </c>
      <c r="F1951">
        <v>-151500000</v>
      </c>
      <c r="G1951">
        <v>2.48146E-3</v>
      </c>
      <c r="H1951">
        <v>-31181700</v>
      </c>
      <c r="I1951">
        <v>2.4829800000000001E-3</v>
      </c>
      <c r="J1951">
        <v>209884000</v>
      </c>
    </row>
    <row r="1952" spans="1:12" x14ac:dyDescent="0.25">
      <c r="A1952" s="10">
        <v>3.1753900000000002E-3</v>
      </c>
      <c r="B1952" s="10">
        <v>434419000</v>
      </c>
      <c r="C1952">
        <v>3.1721800000000001E-3</v>
      </c>
      <c r="D1952">
        <v>-199715000</v>
      </c>
      <c r="E1952">
        <v>3.1698099999999999E-3</v>
      </c>
      <c r="F1952">
        <v>-172383000</v>
      </c>
      <c r="G1952">
        <v>3.17001E-3</v>
      </c>
      <c r="H1952">
        <v>-95916300</v>
      </c>
      <c r="I1952">
        <v>3.1720199999999998E-3</v>
      </c>
      <c r="J1952">
        <v>155980000</v>
      </c>
    </row>
    <row r="1953" spans="1:10" x14ac:dyDescent="0.25">
      <c r="A1953" s="10">
        <v>3.8069699999999998E-3</v>
      </c>
      <c r="B1953" s="10">
        <v>435563000</v>
      </c>
      <c r="C1953">
        <v>3.80898E-3</v>
      </c>
      <c r="D1953">
        <v>-215565000</v>
      </c>
      <c r="E1953">
        <v>3.8027899999999999E-3</v>
      </c>
      <c r="F1953">
        <v>-178241000</v>
      </c>
      <c r="G1953">
        <v>3.7996900000000001E-3</v>
      </c>
      <c r="H1953">
        <v>-114392000</v>
      </c>
      <c r="I1953">
        <v>3.8020599999999999E-3</v>
      </c>
      <c r="J1953">
        <v>98960200</v>
      </c>
    </row>
    <row r="1954" spans="1:10" x14ac:dyDescent="0.25">
      <c r="A1954" s="10">
        <v>4.3872099999999999E-3</v>
      </c>
      <c r="B1954" s="10">
        <v>437484000</v>
      </c>
      <c r="C1954">
        <v>4.3929299999999998E-3</v>
      </c>
      <c r="D1954">
        <v>-200246000</v>
      </c>
      <c r="E1954">
        <v>4.3857200000000001E-3</v>
      </c>
      <c r="F1954">
        <v>-178076000</v>
      </c>
      <c r="G1954">
        <v>4.3790799999999996E-3</v>
      </c>
      <c r="H1954">
        <v>-125380000</v>
      </c>
      <c r="I1954">
        <v>4.3813200000000002E-3</v>
      </c>
      <c r="J1954">
        <v>8463820</v>
      </c>
    </row>
    <row r="1955" spans="1:10" x14ac:dyDescent="0.25">
      <c r="A1955" s="10">
        <v>4.9231800000000001E-3</v>
      </c>
      <c r="B1955" s="10">
        <v>439977000</v>
      </c>
      <c r="C1955">
        <v>4.9326999999999999E-3</v>
      </c>
      <c r="D1955">
        <v>-196468000</v>
      </c>
      <c r="E1955">
        <v>4.9234099999999996E-3</v>
      </c>
      <c r="F1955">
        <v>-185723000</v>
      </c>
      <c r="G1955">
        <v>4.9166000000000001E-3</v>
      </c>
      <c r="H1955">
        <v>-149531000</v>
      </c>
      <c r="I1955">
        <v>4.9158800000000001E-3</v>
      </c>
      <c r="J1955">
        <v>-92934500</v>
      </c>
    </row>
    <row r="1956" spans="1:10" x14ac:dyDescent="0.25">
      <c r="A1956" s="10">
        <v>5.4190000000000002E-3</v>
      </c>
      <c r="B1956" s="10">
        <v>439549000</v>
      </c>
      <c r="C1956">
        <v>5.4318999999999999E-3</v>
      </c>
      <c r="D1956">
        <v>-197051000</v>
      </c>
      <c r="E1956">
        <v>5.4221599999999997E-3</v>
      </c>
      <c r="F1956">
        <v>-193448000</v>
      </c>
      <c r="G1956">
        <v>5.4123900000000004E-3</v>
      </c>
      <c r="H1956">
        <v>-176209000</v>
      </c>
      <c r="I1956">
        <v>5.4107599999999997E-3</v>
      </c>
      <c r="J1956">
        <v>-128685000</v>
      </c>
    </row>
    <row r="1957" spans="1:10" x14ac:dyDescent="0.25">
      <c r="A1957" s="10">
        <v>5.8731599999999997E-3</v>
      </c>
      <c r="B1957" s="10">
        <v>432853000</v>
      </c>
      <c r="C1957">
        <v>5.88902E-3</v>
      </c>
      <c r="D1957">
        <v>-187600000</v>
      </c>
      <c r="E1957">
        <v>5.8791299999999998E-3</v>
      </c>
      <c r="F1957">
        <v>-190827000</v>
      </c>
      <c r="G1957">
        <v>5.8669200000000003E-3</v>
      </c>
      <c r="H1957">
        <v>-200621000</v>
      </c>
      <c r="I1957">
        <v>5.8641800000000001E-3</v>
      </c>
      <c r="J1957">
        <v>-177526000</v>
      </c>
    </row>
    <row r="1958" spans="1:10" x14ac:dyDescent="0.25">
      <c r="A1958" s="10">
        <v>6.2858599999999999E-3</v>
      </c>
      <c r="B1958" s="10">
        <v>427079000</v>
      </c>
      <c r="C1958">
        <v>6.3036400000000001E-3</v>
      </c>
      <c r="D1958">
        <v>-172262000</v>
      </c>
      <c r="E1958">
        <v>6.2938500000000001E-3</v>
      </c>
      <c r="F1958">
        <v>-188495000</v>
      </c>
      <c r="G1958">
        <v>6.2818500000000003E-3</v>
      </c>
      <c r="H1958">
        <v>-231453000</v>
      </c>
      <c r="I1958">
        <v>6.27693E-3</v>
      </c>
      <c r="J1958">
        <v>-232923000</v>
      </c>
    </row>
    <row r="1959" spans="1:10" x14ac:dyDescent="0.25">
      <c r="A1959" s="10">
        <v>7.4262099999999999E-3</v>
      </c>
      <c r="B1959" s="10">
        <v>421646000</v>
      </c>
      <c r="C1959">
        <v>7.4487099999999999E-3</v>
      </c>
      <c r="D1959">
        <v>-160434000</v>
      </c>
      <c r="E1959">
        <v>7.4416100000000004E-3</v>
      </c>
      <c r="F1959">
        <v>-202130000</v>
      </c>
      <c r="G1959">
        <v>7.4285999999999996E-3</v>
      </c>
      <c r="H1959">
        <v>-267654000</v>
      </c>
      <c r="I1959">
        <v>7.4185099999999997E-3</v>
      </c>
      <c r="J1959">
        <v>-275119000</v>
      </c>
    </row>
    <row r="1960" spans="1:10" x14ac:dyDescent="0.25">
      <c r="A1960" s="10">
        <v>8.56758E-3</v>
      </c>
      <c r="B1960" s="10">
        <v>400745000</v>
      </c>
      <c r="C1960">
        <v>8.5926800000000001E-3</v>
      </c>
      <c r="D1960">
        <v>-151133000</v>
      </c>
      <c r="E1960">
        <v>8.5898099999999998E-3</v>
      </c>
      <c r="F1960">
        <v>-215700000</v>
      </c>
      <c r="G1960">
        <v>8.5811700000000008E-3</v>
      </c>
      <c r="H1960">
        <v>-291815000</v>
      </c>
      <c r="I1960">
        <v>8.5707500000000002E-3</v>
      </c>
      <c r="J1960">
        <v>-331986000</v>
      </c>
    </row>
    <row r="1961" spans="1:10" x14ac:dyDescent="0.25">
      <c r="A1961" s="10">
        <v>9.7095199999999993E-3</v>
      </c>
      <c r="B1961" s="10">
        <v>384748000</v>
      </c>
      <c r="C1961">
        <v>9.7350300000000004E-3</v>
      </c>
      <c r="D1961">
        <v>-141961000</v>
      </c>
      <c r="E1961">
        <v>9.7358199999999992E-3</v>
      </c>
      <c r="F1961">
        <v>-216027000</v>
      </c>
      <c r="G1961">
        <v>9.7350100000000005E-3</v>
      </c>
      <c r="H1961">
        <v>-290311000</v>
      </c>
      <c r="I1961">
        <v>9.7313599999999997E-3</v>
      </c>
      <c r="J1961">
        <v>-352971000</v>
      </c>
    </row>
    <row r="1962" spans="1:10" x14ac:dyDescent="0.25">
      <c r="A1962" s="10">
        <v>1.07095E-2</v>
      </c>
      <c r="B1962" s="10">
        <v>384615000</v>
      </c>
      <c r="C1962">
        <v>1.07362E-2</v>
      </c>
      <c r="D1962">
        <v>-114737000</v>
      </c>
      <c r="E1962">
        <v>1.07397E-2</v>
      </c>
      <c r="F1962">
        <v>-195581000</v>
      </c>
      <c r="G1962">
        <v>1.0742E-2</v>
      </c>
      <c r="H1962">
        <v>-265956000</v>
      </c>
      <c r="I1962">
        <v>1.07463E-2</v>
      </c>
      <c r="J1962">
        <v>-333682000</v>
      </c>
    </row>
    <row r="1963" spans="1:10" x14ac:dyDescent="0.25">
      <c r="A1963" s="10">
        <v>1.1709600000000001E-2</v>
      </c>
      <c r="B1963" s="10">
        <v>385402000</v>
      </c>
      <c r="C1963">
        <v>1.1734400000000001E-2</v>
      </c>
      <c r="D1963">
        <v>-77045900</v>
      </c>
      <c r="E1963">
        <v>1.17386E-2</v>
      </c>
      <c r="F1963">
        <v>-161088000</v>
      </c>
      <c r="G1963">
        <v>1.1746700000000001E-2</v>
      </c>
      <c r="H1963">
        <v>-232914000</v>
      </c>
      <c r="I1963">
        <v>1.17561E-2</v>
      </c>
      <c r="J1963">
        <v>-289914000</v>
      </c>
    </row>
    <row r="1964" spans="1:10" x14ac:dyDescent="0.25">
      <c r="A1964" s="10">
        <v>1.2709700000000001E-2</v>
      </c>
      <c r="B1964" s="10">
        <v>387829000</v>
      </c>
      <c r="C1964">
        <v>1.27344E-2</v>
      </c>
      <c r="D1964">
        <v>-28874900</v>
      </c>
      <c r="E1964">
        <v>1.27379E-2</v>
      </c>
      <c r="F1964">
        <v>-109427000</v>
      </c>
      <c r="G1964">
        <v>1.2746199999999999E-2</v>
      </c>
      <c r="H1964">
        <v>-204692000</v>
      </c>
      <c r="I1964">
        <v>1.27563E-2</v>
      </c>
      <c r="J1964">
        <v>-250340000</v>
      </c>
    </row>
    <row r="1965" spans="1:10" x14ac:dyDescent="0.25">
      <c r="A1965" s="10">
        <v>1.371E-2</v>
      </c>
      <c r="B1965" s="10">
        <v>384613000</v>
      </c>
      <c r="C1965">
        <v>1.37334E-2</v>
      </c>
      <c r="D1965">
        <v>37536800</v>
      </c>
      <c r="E1965">
        <v>1.37368E-2</v>
      </c>
      <c r="F1965">
        <v>-29163000</v>
      </c>
      <c r="G1965">
        <v>1.37451E-2</v>
      </c>
      <c r="H1965">
        <v>-170688000</v>
      </c>
      <c r="I1965">
        <v>1.3753700000000001E-2</v>
      </c>
      <c r="J1965">
        <v>-204948000</v>
      </c>
    </row>
    <row r="1966" spans="1:10" x14ac:dyDescent="0.25">
      <c r="A1966" s="10">
        <v>1.4710300000000001E-2</v>
      </c>
      <c r="B1966" s="10">
        <v>358851000</v>
      </c>
      <c r="C1966">
        <v>1.4732800000000001E-2</v>
      </c>
      <c r="D1966">
        <v>84949600</v>
      </c>
      <c r="E1966">
        <v>1.47362E-2</v>
      </c>
      <c r="F1966">
        <v>27594100</v>
      </c>
      <c r="G1966">
        <v>1.47431E-2</v>
      </c>
      <c r="H1966">
        <v>-82882500</v>
      </c>
      <c r="I1966">
        <v>1.47522E-2</v>
      </c>
      <c r="J1966">
        <v>-163218000</v>
      </c>
    </row>
    <row r="1967" spans="1:10" x14ac:dyDescent="0.25">
      <c r="A1967" s="10">
        <v>1.5710600000000002E-2</v>
      </c>
      <c r="B1967" s="10">
        <v>314304000</v>
      </c>
      <c r="C1967">
        <v>1.57325E-2</v>
      </c>
      <c r="D1967">
        <v>110557000</v>
      </c>
      <c r="E1967">
        <v>1.5735900000000001E-2</v>
      </c>
      <c r="F1967">
        <v>52133500</v>
      </c>
      <c r="G1967">
        <v>1.5742900000000001E-2</v>
      </c>
      <c r="H1967">
        <v>-1260270</v>
      </c>
      <c r="I1967">
        <v>1.5750400000000001E-2</v>
      </c>
      <c r="J1967">
        <v>-98673800</v>
      </c>
    </row>
    <row r="1968" spans="1:10" x14ac:dyDescent="0.25">
      <c r="A1968" s="10">
        <v>1.6710800000000001E-2</v>
      </c>
      <c r="B1968" s="10">
        <v>269187000</v>
      </c>
      <c r="C1968">
        <v>1.6731699999999999E-2</v>
      </c>
      <c r="D1968">
        <v>136717000</v>
      </c>
      <c r="E1968">
        <v>1.6735300000000002E-2</v>
      </c>
      <c r="F1968">
        <v>78304700</v>
      </c>
      <c r="G1968">
        <v>1.6742300000000002E-2</v>
      </c>
      <c r="H1968">
        <v>22998100</v>
      </c>
      <c r="I1968">
        <v>1.6749900000000002E-2</v>
      </c>
      <c r="J1968">
        <v>-28620000</v>
      </c>
    </row>
    <row r="1969" spans="1:10" x14ac:dyDescent="0.25">
      <c r="A1969" s="10">
        <v>1.77111E-2</v>
      </c>
      <c r="B1969" s="10">
        <v>233152000</v>
      </c>
      <c r="C1969">
        <v>1.7731500000000001E-2</v>
      </c>
      <c r="D1969">
        <v>158890000</v>
      </c>
      <c r="E1969">
        <v>1.7735000000000001E-2</v>
      </c>
      <c r="F1969">
        <v>101662000</v>
      </c>
      <c r="G1969">
        <v>1.77422E-2</v>
      </c>
      <c r="H1969">
        <v>43254500</v>
      </c>
      <c r="I1969">
        <v>1.77498E-2</v>
      </c>
      <c r="J1969">
        <v>2608930</v>
      </c>
    </row>
    <row r="1970" spans="1:10" x14ac:dyDescent="0.25">
      <c r="A1970" s="10">
        <v>1.87113E-2</v>
      </c>
      <c r="B1970" s="10">
        <v>204157000</v>
      </c>
      <c r="C1970">
        <v>1.8730900000000002E-2</v>
      </c>
      <c r="D1970">
        <v>179796000</v>
      </c>
      <c r="E1970">
        <v>1.8734399999999998E-2</v>
      </c>
      <c r="F1970">
        <v>123746000</v>
      </c>
      <c r="G1970">
        <v>1.8741799999999999E-2</v>
      </c>
      <c r="H1970">
        <v>65243900</v>
      </c>
      <c r="I1970">
        <v>1.8749499999999999E-2</v>
      </c>
      <c r="J1970">
        <v>25217100</v>
      </c>
    </row>
    <row r="1971" spans="1:10" x14ac:dyDescent="0.25">
      <c r="A1971" s="10">
        <v>1.9711599999999999E-2</v>
      </c>
      <c r="B1971" s="10">
        <v>171458000</v>
      </c>
      <c r="C1971">
        <v>1.97307E-2</v>
      </c>
      <c r="D1971">
        <v>197863000</v>
      </c>
      <c r="E1971">
        <v>1.9734100000000001E-2</v>
      </c>
      <c r="F1971">
        <v>143795000</v>
      </c>
      <c r="G1971">
        <v>1.9741499999999999E-2</v>
      </c>
      <c r="H1971">
        <v>87667600</v>
      </c>
      <c r="I1971">
        <v>1.97495E-2</v>
      </c>
      <c r="J1971">
        <v>45928600</v>
      </c>
    </row>
    <row r="1972" spans="1:10" x14ac:dyDescent="0.25">
      <c r="A1972" s="10">
        <v>2.0711799999999999E-2</v>
      </c>
      <c r="B1972" s="10">
        <v>136991000</v>
      </c>
      <c r="C1972">
        <v>2.0730200000000001E-2</v>
      </c>
      <c r="D1972">
        <v>213688000</v>
      </c>
      <c r="E1972">
        <v>2.0733700000000001E-2</v>
      </c>
      <c r="F1972">
        <v>162465000</v>
      </c>
      <c r="G1972">
        <v>2.0741200000000001E-2</v>
      </c>
      <c r="H1972">
        <v>108041000</v>
      </c>
      <c r="I1972">
        <v>2.0749E-2</v>
      </c>
      <c r="J1972">
        <v>67885700</v>
      </c>
    </row>
    <row r="1973" spans="1:10" x14ac:dyDescent="0.25">
      <c r="A1973" s="10">
        <v>2.1711999999999999E-2</v>
      </c>
      <c r="B1973" s="10">
        <v>105235000</v>
      </c>
      <c r="C1973">
        <v>2.1730099999999999E-2</v>
      </c>
      <c r="D1973">
        <v>222196000</v>
      </c>
      <c r="E1973">
        <v>2.17334E-2</v>
      </c>
      <c r="F1973">
        <v>180209000</v>
      </c>
      <c r="G1973">
        <v>2.1740800000000001E-2</v>
      </c>
      <c r="H1973">
        <v>128449000</v>
      </c>
      <c r="I1973">
        <v>2.1748900000000002E-2</v>
      </c>
      <c r="J1973">
        <v>89409900</v>
      </c>
    </row>
    <row r="1974" spans="1:10" x14ac:dyDescent="0.25">
      <c r="A1974" s="10">
        <v>2.2712199999999998E-2</v>
      </c>
      <c r="B1974" s="10">
        <v>75929900</v>
      </c>
      <c r="C1974">
        <v>2.2729599999999999E-2</v>
      </c>
      <c r="D1974">
        <v>209669000</v>
      </c>
      <c r="E1974">
        <v>2.27329E-2</v>
      </c>
      <c r="F1974">
        <v>192917000</v>
      </c>
      <c r="G1974">
        <v>2.27405E-2</v>
      </c>
      <c r="H1974">
        <v>149591000</v>
      </c>
      <c r="I1974">
        <v>2.2748299999999999E-2</v>
      </c>
      <c r="J1974">
        <v>110984000</v>
      </c>
    </row>
    <row r="1975" spans="1:10" x14ac:dyDescent="0.25">
      <c r="A1975" s="10">
        <v>2.3712299999999999E-2</v>
      </c>
      <c r="B1975" s="10">
        <v>48493800</v>
      </c>
      <c r="C1975">
        <v>2.3729400000000001E-2</v>
      </c>
      <c r="D1975">
        <v>182932000</v>
      </c>
      <c r="E1975">
        <v>2.37326E-2</v>
      </c>
      <c r="F1975">
        <v>184044000</v>
      </c>
      <c r="G1975">
        <v>2.3740000000000001E-2</v>
      </c>
      <c r="H1975">
        <v>157414000</v>
      </c>
      <c r="I1975">
        <v>2.3748200000000001E-2</v>
      </c>
      <c r="J1975">
        <v>124767000</v>
      </c>
    </row>
    <row r="1976" spans="1:10" x14ac:dyDescent="0.25">
      <c r="A1976" s="10">
        <v>2.4712399999999999E-2</v>
      </c>
      <c r="B1976" s="10">
        <v>23112600</v>
      </c>
      <c r="C1976">
        <v>2.4729000000000001E-2</v>
      </c>
      <c r="D1976">
        <v>157868000</v>
      </c>
      <c r="E1976">
        <v>2.4732199999999999E-2</v>
      </c>
      <c r="F1976">
        <v>159732000</v>
      </c>
      <c r="G1976">
        <v>2.47397E-2</v>
      </c>
      <c r="H1976">
        <v>143029000</v>
      </c>
      <c r="I1976">
        <v>2.4747700000000001E-2</v>
      </c>
      <c r="J1976">
        <v>117196000</v>
      </c>
    </row>
    <row r="1977" spans="1:10" x14ac:dyDescent="0.25">
      <c r="A1977" s="10">
        <v>2.5712499999999999E-2</v>
      </c>
      <c r="B1977" s="10">
        <v>-308701</v>
      </c>
      <c r="C1977">
        <v>2.57287E-2</v>
      </c>
      <c r="D1977">
        <v>134408000</v>
      </c>
      <c r="E1977">
        <v>2.5731899999999999E-2</v>
      </c>
      <c r="F1977">
        <v>136766000</v>
      </c>
      <c r="G1977">
        <v>2.57393E-2</v>
      </c>
      <c r="H1977">
        <v>120855000</v>
      </c>
      <c r="I1977">
        <v>2.57475E-2</v>
      </c>
      <c r="J1977">
        <v>95596200</v>
      </c>
    </row>
    <row r="1978" spans="1:10" x14ac:dyDescent="0.25">
      <c r="A1978" s="10">
        <v>2.67126E-2</v>
      </c>
      <c r="B1978" s="10">
        <v>-12595100</v>
      </c>
      <c r="C1978">
        <v>2.6728200000000001E-2</v>
      </c>
      <c r="D1978">
        <v>121946000</v>
      </c>
      <c r="E1978">
        <v>2.6731399999999999E-2</v>
      </c>
      <c r="F1978">
        <v>124561000</v>
      </c>
      <c r="G1978">
        <v>2.6738999999999999E-2</v>
      </c>
      <c r="H1978">
        <v>109135000</v>
      </c>
      <c r="I1978">
        <v>2.6747E-2</v>
      </c>
      <c r="J1978">
        <v>84487300</v>
      </c>
    </row>
    <row r="1979" spans="1:10" x14ac:dyDescent="0.25">
      <c r="A1979" s="10">
        <v>2.77127E-2</v>
      </c>
      <c r="B1979" s="10">
        <v>-14327700</v>
      </c>
      <c r="C1979">
        <v>2.77279E-2</v>
      </c>
      <c r="D1979">
        <v>119919000</v>
      </c>
      <c r="E1979">
        <v>2.7731100000000002E-2</v>
      </c>
      <c r="F1979">
        <v>122695000</v>
      </c>
      <c r="G1979">
        <v>2.7738499999999999E-2</v>
      </c>
      <c r="H1979">
        <v>107663000</v>
      </c>
      <c r="I1979">
        <v>2.7746699999999999E-2</v>
      </c>
      <c r="J1979">
        <v>83420200</v>
      </c>
    </row>
    <row r="1980" spans="1:10" x14ac:dyDescent="0.25">
      <c r="A1980" s="10">
        <v>2.87128E-2</v>
      </c>
      <c r="B1980" s="10">
        <v>-15556700</v>
      </c>
      <c r="C1980">
        <v>2.87275E-2</v>
      </c>
      <c r="D1980">
        <v>118334000</v>
      </c>
      <c r="E1980">
        <v>2.8730700000000001E-2</v>
      </c>
      <c r="F1980">
        <v>121225000</v>
      </c>
      <c r="G1980">
        <v>2.8738199999999998E-2</v>
      </c>
      <c r="H1980">
        <v>106481000</v>
      </c>
      <c r="I1980">
        <v>2.8746299999999999E-2</v>
      </c>
      <c r="J1980">
        <v>82685800</v>
      </c>
    </row>
    <row r="1981" spans="1:10" x14ac:dyDescent="0.25">
      <c r="A1981" s="10">
        <v>2.97129E-2</v>
      </c>
      <c r="B1981" s="10">
        <v>-16569400</v>
      </c>
      <c r="C1981">
        <v>2.9727199999999999E-2</v>
      </c>
      <c r="D1981">
        <v>116893000</v>
      </c>
      <c r="E1981">
        <v>2.9730300000000001E-2</v>
      </c>
      <c r="F1981">
        <v>119885000</v>
      </c>
      <c r="G1981">
        <v>2.9737800000000002E-2</v>
      </c>
      <c r="H1981">
        <v>105436000</v>
      </c>
      <c r="I1981">
        <v>2.9746000000000002E-2</v>
      </c>
      <c r="J1981">
        <v>82033500</v>
      </c>
    </row>
    <row r="1982" spans="1:10" x14ac:dyDescent="0.25">
      <c r="A1982" s="10">
        <v>3.0713000000000001E-2</v>
      </c>
      <c r="B1982" s="10">
        <v>-17486500</v>
      </c>
      <c r="C1982">
        <v>3.0726900000000001E-2</v>
      </c>
      <c r="D1982">
        <v>115486000</v>
      </c>
      <c r="E1982">
        <v>3.0729900000000001E-2</v>
      </c>
      <c r="F1982">
        <v>118570000</v>
      </c>
      <c r="G1982">
        <v>3.0737400000000002E-2</v>
      </c>
      <c r="H1982">
        <v>104388000</v>
      </c>
      <c r="I1982">
        <v>3.0745600000000001E-2</v>
      </c>
      <c r="J1982">
        <v>81422800</v>
      </c>
    </row>
    <row r="1983" spans="1:10" x14ac:dyDescent="0.25">
      <c r="A1983" s="10">
        <v>3.1713100000000001E-2</v>
      </c>
      <c r="B1983" s="10">
        <v>-18371900</v>
      </c>
      <c r="C1983">
        <v>3.1726499999999998E-2</v>
      </c>
      <c r="D1983">
        <v>114045000</v>
      </c>
      <c r="E1983">
        <v>3.1729599999999997E-2</v>
      </c>
      <c r="F1983">
        <v>117215000</v>
      </c>
      <c r="G1983">
        <v>3.1737000000000001E-2</v>
      </c>
      <c r="H1983">
        <v>103313000</v>
      </c>
      <c r="I1983">
        <v>3.1745299999999997E-2</v>
      </c>
      <c r="J1983">
        <v>80772900</v>
      </c>
    </row>
    <row r="1984" spans="1:10" x14ac:dyDescent="0.25">
      <c r="A1984" s="10">
        <v>3.2713199999999998E-2</v>
      </c>
      <c r="B1984" s="10">
        <v>-19248800</v>
      </c>
      <c r="C1984">
        <v>3.2726199999999997E-2</v>
      </c>
      <c r="D1984">
        <v>112547000</v>
      </c>
      <c r="E1984">
        <v>3.27292E-2</v>
      </c>
      <c r="F1984">
        <v>115797000</v>
      </c>
      <c r="G1984">
        <v>3.2736700000000001E-2</v>
      </c>
      <c r="H1984">
        <v>102165000</v>
      </c>
      <c r="I1984">
        <v>3.27449E-2</v>
      </c>
      <c r="J1984">
        <v>80071400</v>
      </c>
    </row>
    <row r="1985" spans="1:10" x14ac:dyDescent="0.25">
      <c r="A1985" s="10">
        <v>3.3713300000000002E-2</v>
      </c>
      <c r="B1985" s="10">
        <v>-20126400</v>
      </c>
      <c r="C1985">
        <v>3.3725900000000003E-2</v>
      </c>
      <c r="D1985">
        <v>110987000</v>
      </c>
      <c r="E1985">
        <v>3.3728800000000003E-2</v>
      </c>
      <c r="F1985">
        <v>114308000</v>
      </c>
      <c r="G1985">
        <v>3.3736299999999997E-2</v>
      </c>
      <c r="H1985">
        <v>100950000</v>
      </c>
      <c r="I1985">
        <v>3.37446E-2</v>
      </c>
      <c r="J1985">
        <v>79303600</v>
      </c>
    </row>
    <row r="1986" spans="1:10" x14ac:dyDescent="0.25">
      <c r="A1986" s="10">
        <v>3.4713399999999998E-2</v>
      </c>
      <c r="B1986" s="10">
        <v>-21005300</v>
      </c>
      <c r="C1986">
        <v>3.4725499999999999E-2</v>
      </c>
      <c r="D1986">
        <v>109360000</v>
      </c>
      <c r="E1986">
        <v>3.4728500000000002E-2</v>
      </c>
      <c r="F1986">
        <v>112746000</v>
      </c>
      <c r="G1986">
        <v>3.4736000000000003E-2</v>
      </c>
      <c r="H1986">
        <v>99657900</v>
      </c>
      <c r="I1986">
        <v>3.4744299999999999E-2</v>
      </c>
      <c r="J1986">
        <v>78464500</v>
      </c>
    </row>
    <row r="1987" spans="1:10" x14ac:dyDescent="0.25">
      <c r="A1987" s="10">
        <v>3.5713500000000002E-2</v>
      </c>
      <c r="B1987" s="10">
        <v>-21885600</v>
      </c>
      <c r="C1987">
        <v>3.5725199999999999E-2</v>
      </c>
      <c r="D1987">
        <v>107676000</v>
      </c>
      <c r="E1987">
        <v>3.5728099999999999E-2</v>
      </c>
      <c r="F1987">
        <v>111117000</v>
      </c>
      <c r="G1987">
        <v>3.5735599999999999E-2</v>
      </c>
      <c r="H1987">
        <v>98296400</v>
      </c>
      <c r="I1987">
        <v>3.5743900000000002E-2</v>
      </c>
      <c r="J1987">
        <v>77560900</v>
      </c>
    </row>
    <row r="1988" spans="1:10" x14ac:dyDescent="0.25">
      <c r="A1988" s="10">
        <v>3.6713599999999999E-2</v>
      </c>
      <c r="B1988" s="10">
        <v>-22765800</v>
      </c>
      <c r="C1988">
        <v>3.6724899999999998E-2</v>
      </c>
      <c r="D1988">
        <v>105931000</v>
      </c>
      <c r="E1988">
        <v>3.6727799999999998E-2</v>
      </c>
      <c r="F1988">
        <v>109422000</v>
      </c>
      <c r="G1988">
        <v>3.6735299999999999E-2</v>
      </c>
      <c r="H1988">
        <v>96867300</v>
      </c>
      <c r="I1988">
        <v>3.6743600000000001E-2</v>
      </c>
      <c r="J1988">
        <v>76586900</v>
      </c>
    </row>
    <row r="1989" spans="1:10" x14ac:dyDescent="0.25">
      <c r="A1989" s="10">
        <v>3.7713799999999999E-2</v>
      </c>
      <c r="B1989" s="10">
        <v>-23645900</v>
      </c>
      <c r="C1989">
        <v>3.7724599999999997E-2</v>
      </c>
      <c r="D1989">
        <v>104135000</v>
      </c>
      <c r="E1989">
        <v>3.7727400000000001E-2</v>
      </c>
      <c r="F1989">
        <v>107666000</v>
      </c>
      <c r="G1989">
        <v>3.7734999999999998E-2</v>
      </c>
      <c r="H1989">
        <v>95373700</v>
      </c>
      <c r="I1989">
        <v>3.77433E-2</v>
      </c>
      <c r="J1989">
        <v>75554000</v>
      </c>
    </row>
    <row r="1990" spans="1:10" x14ac:dyDescent="0.25">
      <c r="A1990" s="10">
        <v>3.8713900000000002E-2</v>
      </c>
      <c r="B1990" s="10">
        <v>-24525300</v>
      </c>
      <c r="C1990">
        <v>3.8724300000000003E-2</v>
      </c>
      <c r="D1990">
        <v>102286000</v>
      </c>
      <c r="E1990">
        <v>3.87271E-2</v>
      </c>
      <c r="F1990">
        <v>105851000</v>
      </c>
      <c r="G1990">
        <v>3.8734600000000001E-2</v>
      </c>
      <c r="H1990">
        <v>93820900</v>
      </c>
      <c r="I1990">
        <v>3.8743E-2</v>
      </c>
      <c r="J1990">
        <v>74455800</v>
      </c>
    </row>
    <row r="1991" spans="1:10" x14ac:dyDescent="0.25">
      <c r="A1991" s="10">
        <v>3.9713999999999999E-2</v>
      </c>
      <c r="B1991" s="10">
        <v>-25404200</v>
      </c>
      <c r="C1991">
        <v>3.9724000000000002E-2</v>
      </c>
      <c r="D1991">
        <v>100391000</v>
      </c>
      <c r="E1991">
        <v>3.97268E-2</v>
      </c>
      <c r="F1991">
        <v>103983000</v>
      </c>
      <c r="G1991">
        <v>3.97343E-2</v>
      </c>
      <c r="H1991">
        <v>92209900</v>
      </c>
      <c r="I1991">
        <v>3.9742600000000003E-2</v>
      </c>
      <c r="J1991">
        <v>73303400</v>
      </c>
    </row>
    <row r="1992" spans="1:10" x14ac:dyDescent="0.25">
      <c r="A1992" s="10">
        <v>4.0714100000000003E-2</v>
      </c>
      <c r="B1992" s="10">
        <v>-26282400</v>
      </c>
      <c r="C1992">
        <v>4.0723700000000002E-2</v>
      </c>
      <c r="D1992">
        <v>98449600</v>
      </c>
      <c r="E1992">
        <v>4.0726499999999999E-2</v>
      </c>
      <c r="F1992">
        <v>102063000</v>
      </c>
      <c r="G1992">
        <v>4.0733999999999999E-2</v>
      </c>
      <c r="H1992">
        <v>90546900</v>
      </c>
      <c r="I1992">
        <v>4.0742300000000002E-2</v>
      </c>
      <c r="J1992">
        <v>72091700</v>
      </c>
    </row>
    <row r="1993" spans="1:10" x14ac:dyDescent="0.25">
      <c r="A1993" s="10">
        <v>4.17142E-2</v>
      </c>
      <c r="B1993" s="10">
        <v>-27160200</v>
      </c>
      <c r="C1993">
        <v>4.1723400000000001E-2</v>
      </c>
      <c r="D1993">
        <v>96467900</v>
      </c>
      <c r="E1993">
        <v>4.1726199999999998E-2</v>
      </c>
      <c r="F1993">
        <v>100096000</v>
      </c>
      <c r="G1993">
        <v>4.1733699999999999E-2</v>
      </c>
      <c r="H1993">
        <v>88832500</v>
      </c>
      <c r="I1993">
        <v>4.1742000000000001E-2</v>
      </c>
      <c r="J1993">
        <v>70830100</v>
      </c>
    </row>
    <row r="1994" spans="1:10" x14ac:dyDescent="0.25">
      <c r="A1994" s="10">
        <v>4.2714299999999997E-2</v>
      </c>
      <c r="B1994" s="10">
        <v>-28037300</v>
      </c>
      <c r="C1994">
        <v>4.27231E-2</v>
      </c>
      <c r="D1994">
        <v>94446900</v>
      </c>
      <c r="E1994">
        <v>4.2725899999999997E-2</v>
      </c>
      <c r="F1994">
        <v>98085700</v>
      </c>
      <c r="G1994">
        <v>4.2733399999999998E-2</v>
      </c>
      <c r="H1994">
        <v>87073200</v>
      </c>
      <c r="I1994">
        <v>4.2741800000000003E-2</v>
      </c>
      <c r="J1994">
        <v>69516000</v>
      </c>
    </row>
    <row r="1995" spans="1:10" x14ac:dyDescent="0.25">
      <c r="A1995" s="10">
        <v>4.37144E-2</v>
      </c>
      <c r="B1995" s="10">
        <v>-28914800</v>
      </c>
      <c r="C1995">
        <v>4.3722900000000002E-2</v>
      </c>
      <c r="D1995">
        <v>92390200</v>
      </c>
      <c r="E1995">
        <v>4.3725600000000003E-2</v>
      </c>
      <c r="F1995">
        <v>96033500</v>
      </c>
      <c r="G1995">
        <v>4.3733099999999997E-2</v>
      </c>
      <c r="H1995">
        <v>85268600</v>
      </c>
      <c r="I1995">
        <v>4.3741500000000003E-2</v>
      </c>
      <c r="J1995">
        <v>68156000</v>
      </c>
    </row>
    <row r="1996" spans="1:10" x14ac:dyDescent="0.25">
      <c r="A1996" s="10">
        <v>4.4714499999999997E-2</v>
      </c>
      <c r="B1996" s="10">
        <v>-29789700</v>
      </c>
      <c r="C1996">
        <v>4.4722600000000001E-2</v>
      </c>
      <c r="D1996">
        <v>90304000</v>
      </c>
      <c r="E1996">
        <v>4.4725300000000003E-2</v>
      </c>
      <c r="F1996">
        <v>93947600</v>
      </c>
      <c r="G1996">
        <v>4.4732800000000003E-2</v>
      </c>
      <c r="H1996">
        <v>83428300</v>
      </c>
      <c r="I1996">
        <v>4.4741200000000002E-2</v>
      </c>
      <c r="J1996">
        <v>66752100</v>
      </c>
    </row>
    <row r="1997" spans="1:10" x14ac:dyDescent="0.25">
      <c r="A1997" s="10">
        <v>4.5714600000000001E-2</v>
      </c>
      <c r="B1997" s="10">
        <v>-30670600</v>
      </c>
      <c r="C1997">
        <v>4.5722400000000003E-2</v>
      </c>
      <c r="D1997">
        <v>88178400</v>
      </c>
      <c r="E1997">
        <v>4.5725000000000002E-2</v>
      </c>
      <c r="F1997">
        <v>91817800</v>
      </c>
      <c r="G1997">
        <v>4.5732500000000002E-2</v>
      </c>
      <c r="H1997">
        <v>81541700</v>
      </c>
      <c r="I1997">
        <v>4.5740900000000001E-2</v>
      </c>
      <c r="J1997">
        <v>65301200</v>
      </c>
    </row>
    <row r="1998" spans="1:10" x14ac:dyDescent="0.25">
      <c r="A1998" s="10">
        <v>4.6714699999999998E-2</v>
      </c>
      <c r="B1998" s="10">
        <v>-31533400</v>
      </c>
      <c r="C1998">
        <v>4.6722100000000003E-2</v>
      </c>
      <c r="D1998">
        <v>86057500</v>
      </c>
      <c r="E1998">
        <v>4.6724799999999997E-2</v>
      </c>
      <c r="F1998">
        <v>89688500</v>
      </c>
      <c r="G1998">
        <v>4.6732299999999997E-2</v>
      </c>
      <c r="H1998">
        <v>79649500</v>
      </c>
      <c r="I1998">
        <v>4.67406E-2</v>
      </c>
      <c r="J1998">
        <v>63830500</v>
      </c>
    </row>
    <row r="1999" spans="1:10" x14ac:dyDescent="0.25">
      <c r="A1999" s="10">
        <v>4.7714899999999998E-2</v>
      </c>
      <c r="B1999" s="10">
        <v>-32439900</v>
      </c>
      <c r="C1999">
        <v>4.7721899999999998E-2</v>
      </c>
      <c r="D1999">
        <v>83828500</v>
      </c>
      <c r="E1999">
        <v>4.7724500000000003E-2</v>
      </c>
      <c r="F1999">
        <v>87448100</v>
      </c>
      <c r="G1999">
        <v>4.7731999999999997E-2</v>
      </c>
      <c r="H1999">
        <v>77653400</v>
      </c>
      <c r="I1999">
        <v>4.7740400000000002E-2</v>
      </c>
      <c r="J1999">
        <v>62269100</v>
      </c>
    </row>
    <row r="2000" spans="1:10" x14ac:dyDescent="0.25">
      <c r="A2000" s="10">
        <v>4.8715000000000001E-2</v>
      </c>
      <c r="B2000" s="10">
        <v>-33263800</v>
      </c>
      <c r="C2000">
        <v>4.8721599999999997E-2</v>
      </c>
      <c r="D2000">
        <v>81781300</v>
      </c>
      <c r="E2000">
        <v>4.8724200000000002E-2</v>
      </c>
      <c r="F2000">
        <v>85387800</v>
      </c>
      <c r="G2000">
        <v>4.8731799999999999E-2</v>
      </c>
      <c r="H2000">
        <v>75813700</v>
      </c>
      <c r="I2000">
        <v>4.8740100000000001E-2</v>
      </c>
      <c r="J2000">
        <v>60819500</v>
      </c>
    </row>
    <row r="2001" spans="1:10" x14ac:dyDescent="0.25">
      <c r="A2001" s="10">
        <v>4.9715099999999998E-2</v>
      </c>
      <c r="B2001" s="10">
        <v>-34279700</v>
      </c>
      <c r="C2001">
        <v>4.9721399999999999E-2</v>
      </c>
      <c r="D2001">
        <v>79112000</v>
      </c>
      <c r="E2001">
        <v>4.9723999999999997E-2</v>
      </c>
      <c r="F2001">
        <v>82688500</v>
      </c>
      <c r="G2001">
        <v>4.9731499999999998E-2</v>
      </c>
      <c r="H2001">
        <v>73383900</v>
      </c>
      <c r="I2001">
        <v>4.9739899999999997E-2</v>
      </c>
      <c r="J2001">
        <v>58870600</v>
      </c>
    </row>
    <row r="2002" spans="1:10" x14ac:dyDescent="0.25">
      <c r="A2002" s="10">
        <v>5.1715299999999999E-2</v>
      </c>
      <c r="B2002" s="10">
        <v>-35729300</v>
      </c>
      <c r="C2002">
        <v>5.1721000000000003E-2</v>
      </c>
      <c r="D2002">
        <v>75479100</v>
      </c>
      <c r="E2002">
        <v>5.1723499999999999E-2</v>
      </c>
      <c r="F2002">
        <v>79023400</v>
      </c>
      <c r="G2002">
        <v>5.1730999999999999E-2</v>
      </c>
      <c r="H2002">
        <v>70092800</v>
      </c>
      <c r="I2002">
        <v>5.1739399999999998E-2</v>
      </c>
      <c r="J2002">
        <v>56235200</v>
      </c>
    </row>
    <row r="2003" spans="1:10" x14ac:dyDescent="0.25">
      <c r="A2003" s="10">
        <v>5.3715600000000002E-2</v>
      </c>
      <c r="B2003" s="10">
        <v>-37670200</v>
      </c>
      <c r="C2003">
        <v>5.37206E-2</v>
      </c>
      <c r="D2003">
        <v>70517500</v>
      </c>
      <c r="E2003">
        <v>5.3723100000000003E-2</v>
      </c>
      <c r="F2003">
        <v>74005300</v>
      </c>
      <c r="G2003">
        <v>5.3730600000000003E-2</v>
      </c>
      <c r="H2003">
        <v>65563600</v>
      </c>
      <c r="I2003">
        <v>5.3738899999999999E-2</v>
      </c>
      <c r="J2003">
        <v>52556300</v>
      </c>
    </row>
    <row r="2004" spans="1:10" x14ac:dyDescent="0.25">
      <c r="A2004" s="10">
        <v>5.5715800000000003E-2</v>
      </c>
      <c r="B2004" s="10">
        <v>-39419000</v>
      </c>
      <c r="C2004">
        <v>5.5720199999999998E-2</v>
      </c>
      <c r="D2004">
        <v>66002100</v>
      </c>
      <c r="E2004">
        <v>5.57227E-2</v>
      </c>
      <c r="F2004">
        <v>69430700</v>
      </c>
      <c r="G2004">
        <v>5.5730200000000001E-2</v>
      </c>
      <c r="H2004">
        <v>61417100</v>
      </c>
      <c r="I2004">
        <v>5.5738500000000003E-2</v>
      </c>
      <c r="J2004">
        <v>49148100</v>
      </c>
    </row>
    <row r="2005" spans="1:10" x14ac:dyDescent="0.25">
      <c r="A2005" s="10">
        <v>5.7716099999999999E-2</v>
      </c>
      <c r="B2005" s="10">
        <v>-41167900</v>
      </c>
      <c r="C2005">
        <v>5.7719899999999998E-2</v>
      </c>
      <c r="D2005">
        <v>61478400</v>
      </c>
      <c r="E2005">
        <v>5.7722299999999997E-2</v>
      </c>
      <c r="F2005">
        <v>64842600</v>
      </c>
      <c r="G2005">
        <v>5.7729799999999998E-2</v>
      </c>
      <c r="H2005">
        <v>57244900</v>
      </c>
      <c r="I2005">
        <v>5.7738100000000001E-2</v>
      </c>
      <c r="J2005">
        <v>45684400</v>
      </c>
    </row>
    <row r="2006" spans="1:10" x14ac:dyDescent="0.25">
      <c r="A2006" s="10">
        <v>5.97163E-2</v>
      </c>
      <c r="B2006" s="10">
        <v>-42917400</v>
      </c>
      <c r="C2006">
        <v>5.9719599999999998E-2</v>
      </c>
      <c r="D2006">
        <v>56960200</v>
      </c>
      <c r="E2006">
        <v>5.9721999999999997E-2</v>
      </c>
      <c r="F2006">
        <v>60256600</v>
      </c>
      <c r="G2006">
        <v>5.9729400000000002E-2</v>
      </c>
      <c r="H2006">
        <v>53062300</v>
      </c>
      <c r="I2006">
        <v>5.9737800000000001E-2</v>
      </c>
      <c r="J2006">
        <v>42180800</v>
      </c>
    </row>
    <row r="2007" spans="1:10" x14ac:dyDescent="0.25">
      <c r="A2007" s="10">
        <v>6.1716600000000003E-2</v>
      </c>
      <c r="B2007" s="10">
        <v>-44668100</v>
      </c>
      <c r="C2007">
        <v>6.1719299999999998E-2</v>
      </c>
      <c r="D2007">
        <v>52459600</v>
      </c>
      <c r="E2007">
        <v>6.1721600000000001E-2</v>
      </c>
      <c r="F2007">
        <v>55686000</v>
      </c>
      <c r="G2007">
        <v>6.1729100000000002E-2</v>
      </c>
      <c r="H2007">
        <v>48883100</v>
      </c>
      <c r="I2007">
        <v>6.1737399999999998E-2</v>
      </c>
      <c r="J2007">
        <v>38651400</v>
      </c>
    </row>
    <row r="2008" spans="1:10" x14ac:dyDescent="0.25">
      <c r="A2008" s="10">
        <v>6.3716800000000004E-2</v>
      </c>
      <c r="B2008" s="10">
        <v>-46421700</v>
      </c>
      <c r="C2008">
        <v>6.3719100000000001E-2</v>
      </c>
      <c r="D2008">
        <v>47985300</v>
      </c>
      <c r="E2008">
        <v>6.3721399999999997E-2</v>
      </c>
      <c r="F2008">
        <v>51140800</v>
      </c>
      <c r="G2008">
        <v>6.3728800000000002E-2</v>
      </c>
      <c r="H2008">
        <v>44717600</v>
      </c>
      <c r="I2008">
        <v>6.3737100000000005E-2</v>
      </c>
      <c r="J2008">
        <v>35107800</v>
      </c>
    </row>
    <row r="2009" spans="1:10" x14ac:dyDescent="0.25">
      <c r="A2009" s="10">
        <v>6.5717100000000001E-2</v>
      </c>
      <c r="B2009" s="10">
        <v>-48181900</v>
      </c>
      <c r="C2009">
        <v>6.5718899999999997E-2</v>
      </c>
      <c r="D2009">
        <v>43543200</v>
      </c>
      <c r="E2009">
        <v>6.5721100000000005E-2</v>
      </c>
      <c r="F2009">
        <v>46628200</v>
      </c>
      <c r="G2009">
        <v>6.5728499999999995E-2</v>
      </c>
      <c r="H2009">
        <v>40574100</v>
      </c>
      <c r="I2009">
        <v>6.5736799999999998E-2</v>
      </c>
      <c r="J2009">
        <v>31560000</v>
      </c>
    </row>
    <row r="2010" spans="1:10" x14ac:dyDescent="0.25">
      <c r="A2010" s="10">
        <v>6.7717299999999994E-2</v>
      </c>
      <c r="B2010" s="10">
        <v>-49951100</v>
      </c>
      <c r="C2010">
        <v>6.7718700000000007E-2</v>
      </c>
      <c r="D2010">
        <v>39148400</v>
      </c>
      <c r="E2010">
        <v>6.7720900000000001E-2</v>
      </c>
      <c r="F2010">
        <v>42165100</v>
      </c>
      <c r="G2010">
        <v>6.7728300000000005E-2</v>
      </c>
      <c r="H2010">
        <v>36470400</v>
      </c>
      <c r="I2010">
        <v>6.7736500000000005E-2</v>
      </c>
      <c r="J2010">
        <v>28026800</v>
      </c>
    </row>
    <row r="2011" spans="1:10" x14ac:dyDescent="0.25">
      <c r="A2011" s="10">
        <v>6.9717600000000005E-2</v>
      </c>
      <c r="B2011" s="10">
        <v>-51639100</v>
      </c>
      <c r="C2011">
        <v>6.9718500000000003E-2</v>
      </c>
      <c r="D2011">
        <v>35001300</v>
      </c>
      <c r="E2011">
        <v>6.9720699999999997E-2</v>
      </c>
      <c r="F2011">
        <v>37953800</v>
      </c>
      <c r="G2011">
        <v>6.9728100000000001E-2</v>
      </c>
      <c r="H2011">
        <v>32592100</v>
      </c>
      <c r="I2011">
        <v>6.9736300000000001E-2</v>
      </c>
      <c r="J2011">
        <v>24670100</v>
      </c>
    </row>
    <row r="2012" spans="1:10" x14ac:dyDescent="0.25">
      <c r="A2012" s="10">
        <v>7.1717900000000001E-2</v>
      </c>
      <c r="B2012" s="10">
        <v>-53526300</v>
      </c>
      <c r="C2012">
        <v>7.1718400000000002E-2</v>
      </c>
      <c r="D2012">
        <v>30387300</v>
      </c>
      <c r="E2012">
        <v>7.1720500000000006E-2</v>
      </c>
      <c r="F2012">
        <v>33266900</v>
      </c>
      <c r="G2012">
        <v>7.1727899999999997E-2</v>
      </c>
      <c r="H2012">
        <v>28265000</v>
      </c>
      <c r="I2012">
        <v>7.1736099999999997E-2</v>
      </c>
      <c r="J2012">
        <v>20898900</v>
      </c>
    </row>
    <row r="2013" spans="1:10" x14ac:dyDescent="0.25">
      <c r="A2013" s="10">
        <v>7.4718300000000001E-2</v>
      </c>
      <c r="B2013" s="10">
        <v>-56101900</v>
      </c>
      <c r="C2013">
        <v>7.4718199999999999E-2</v>
      </c>
      <c r="D2013">
        <v>24214600</v>
      </c>
      <c r="E2013">
        <v>7.4720300000000003E-2</v>
      </c>
      <c r="F2013">
        <v>26998900</v>
      </c>
      <c r="G2013">
        <v>7.4727600000000005E-2</v>
      </c>
      <c r="H2013">
        <v>22466000</v>
      </c>
      <c r="I2013">
        <v>7.4735800000000005E-2</v>
      </c>
      <c r="J2013">
        <v>15810200</v>
      </c>
    </row>
    <row r="2014" spans="1:10" x14ac:dyDescent="0.25">
      <c r="A2014" s="10">
        <v>7.7718700000000002E-2</v>
      </c>
      <c r="B2014" s="10">
        <v>-59614300</v>
      </c>
      <c r="C2014">
        <v>7.7717999999999995E-2</v>
      </c>
      <c r="D2014">
        <v>16116800</v>
      </c>
      <c r="E2014">
        <v>7.77201E-2</v>
      </c>
      <c r="F2014">
        <v>18787200</v>
      </c>
      <c r="G2014">
        <v>7.7727400000000002E-2</v>
      </c>
      <c r="H2014">
        <v>14855400</v>
      </c>
      <c r="I2014">
        <v>7.7735600000000002E-2</v>
      </c>
      <c r="J2014">
        <v>9082240</v>
      </c>
    </row>
    <row r="2015" spans="1:10" x14ac:dyDescent="0.25">
      <c r="A2015" s="10">
        <v>8.4195999999999993E-2</v>
      </c>
      <c r="B2015" s="10">
        <v>-64630500</v>
      </c>
      <c r="C2015">
        <v>8.41943E-2</v>
      </c>
      <c r="D2015">
        <v>5091910</v>
      </c>
      <c r="E2015">
        <v>8.4196199999999999E-2</v>
      </c>
      <c r="F2015">
        <v>7627570</v>
      </c>
      <c r="G2015">
        <v>8.4203500000000001E-2</v>
      </c>
      <c r="H2015">
        <v>4499360</v>
      </c>
      <c r="I2015">
        <v>8.4211599999999998E-2</v>
      </c>
      <c r="J2015">
        <v>-131801</v>
      </c>
    </row>
    <row r="2016" spans="1:10" x14ac:dyDescent="0.25">
      <c r="A2016" s="10">
        <v>9.1009999999999994E-2</v>
      </c>
      <c r="B2016" s="10">
        <v>-70829500</v>
      </c>
      <c r="C2016">
        <v>9.1007400000000002E-2</v>
      </c>
      <c r="D2016">
        <v>-7822420</v>
      </c>
      <c r="E2016">
        <v>9.1009300000000001E-2</v>
      </c>
      <c r="F2016">
        <v>-5416120</v>
      </c>
      <c r="G2016">
        <v>9.1016600000000003E-2</v>
      </c>
      <c r="H2016">
        <v>-7613570</v>
      </c>
      <c r="I2016">
        <v>9.1024499999999994E-2</v>
      </c>
      <c r="J2016">
        <v>-10965700</v>
      </c>
    </row>
    <row r="2017" spans="1:10" x14ac:dyDescent="0.25">
      <c r="A2017" s="10">
        <v>9.8178399999999999E-2</v>
      </c>
      <c r="B2017" s="10">
        <v>-77493900</v>
      </c>
      <c r="C2017">
        <v>9.8174899999999996E-2</v>
      </c>
      <c r="D2017">
        <v>-20791500</v>
      </c>
      <c r="E2017">
        <v>9.8176799999999995E-2</v>
      </c>
      <c r="F2017">
        <v>-18475200</v>
      </c>
      <c r="G2017">
        <v>9.8183999999999994E-2</v>
      </c>
      <c r="H2017">
        <v>-19738600</v>
      </c>
      <c r="I2017">
        <v>9.8191799999999996E-2</v>
      </c>
      <c r="J2017">
        <v>-21855600</v>
      </c>
    </row>
    <row r="2018" spans="1:10" x14ac:dyDescent="0.25">
      <c r="A2018" s="10">
        <v>0.10571999999999999</v>
      </c>
      <c r="B2018" s="10">
        <v>-84709100</v>
      </c>
      <c r="C2018">
        <v>0.105715</v>
      </c>
      <c r="D2018">
        <v>-33895000</v>
      </c>
      <c r="E2018">
        <v>0.10571700000000001</v>
      </c>
      <c r="F2018">
        <v>-31623700</v>
      </c>
      <c r="G2018">
        <v>0.105724</v>
      </c>
      <c r="H2018">
        <v>-31921800</v>
      </c>
      <c r="I2018">
        <v>0.10573200000000001</v>
      </c>
      <c r="J2018">
        <v>-32799000</v>
      </c>
    </row>
    <row r="2019" spans="1:10" x14ac:dyDescent="0.25">
      <c r="A2019" s="10">
        <v>0.113653</v>
      </c>
      <c r="B2019" s="10">
        <v>-92575100</v>
      </c>
      <c r="C2019">
        <v>0.113648</v>
      </c>
      <c r="D2019">
        <v>-47259200</v>
      </c>
      <c r="E2019">
        <v>0.11365</v>
      </c>
      <c r="F2019">
        <v>-44981700</v>
      </c>
      <c r="G2019">
        <v>0.11365699999999999</v>
      </c>
      <c r="H2019">
        <v>-44246000</v>
      </c>
      <c r="I2019">
        <v>0.113664</v>
      </c>
      <c r="J2019">
        <v>-43818200</v>
      </c>
    </row>
    <row r="2020" spans="1:10" x14ac:dyDescent="0.25">
      <c r="A2020" s="10">
        <v>0.121998</v>
      </c>
      <c r="B2020" s="10">
        <v>-101209000</v>
      </c>
      <c r="C2020">
        <v>0.121993</v>
      </c>
      <c r="D2020">
        <v>-61055500</v>
      </c>
      <c r="E2020">
        <v>0.12199500000000001</v>
      </c>
      <c r="F2020">
        <v>-58712800</v>
      </c>
      <c r="G2020">
        <v>0.122002</v>
      </c>
      <c r="H2020">
        <v>-56824300</v>
      </c>
      <c r="I2020">
        <v>0.12200900000000001</v>
      </c>
      <c r="J2020">
        <v>-54946000</v>
      </c>
    </row>
    <row r="2021" spans="1:10" x14ac:dyDescent="0.25">
      <c r="A2021" s="10">
        <v>0.13077800000000001</v>
      </c>
      <c r="B2021" s="10">
        <v>-110736000</v>
      </c>
      <c r="C2021">
        <v>0.130772</v>
      </c>
      <c r="D2021">
        <v>-75482200</v>
      </c>
      <c r="E2021">
        <v>0.130774</v>
      </c>
      <c r="F2021">
        <v>-73004200</v>
      </c>
      <c r="G2021">
        <v>0.13078100000000001</v>
      </c>
      <c r="H2021">
        <v>-69775300</v>
      </c>
      <c r="I2021">
        <v>0.13078799999999999</v>
      </c>
      <c r="J2021">
        <v>-66193400</v>
      </c>
    </row>
    <row r="2022" spans="1:10" x14ac:dyDescent="0.25">
      <c r="A2022" s="10">
        <v>0.140014</v>
      </c>
      <c r="B2022" s="10">
        <v>-121283000</v>
      </c>
      <c r="C2022">
        <v>0.14000799999999999</v>
      </c>
      <c r="D2022">
        <v>-90747000</v>
      </c>
      <c r="E2022">
        <v>0.14001</v>
      </c>
      <c r="F2022">
        <v>-88044800</v>
      </c>
      <c r="G2022">
        <v>0.140016</v>
      </c>
      <c r="H2022">
        <v>-83191900</v>
      </c>
      <c r="I2022">
        <v>0.14002400000000001</v>
      </c>
      <c r="J2022">
        <v>-77500400</v>
      </c>
    </row>
    <row r="2023" spans="1:10" x14ac:dyDescent="0.25">
      <c r="A2023" s="10">
        <v>0.149731</v>
      </c>
      <c r="B2023" s="10">
        <v>-126827000</v>
      </c>
      <c r="C2023">
        <v>0.149724</v>
      </c>
      <c r="D2023">
        <v>-98615100</v>
      </c>
      <c r="E2023">
        <v>0.149726</v>
      </c>
      <c r="F2023">
        <v>-95775600</v>
      </c>
      <c r="G2023">
        <v>0.149733</v>
      </c>
      <c r="H2023">
        <v>-90025700</v>
      </c>
      <c r="I2023">
        <v>0.14974000000000001</v>
      </c>
      <c r="J2023">
        <v>-83155000</v>
      </c>
    </row>
    <row r="2025" spans="1:10" x14ac:dyDescent="0.25">
      <c r="A2025" t="s">
        <v>48</v>
      </c>
    </row>
    <row r="2026" spans="1:10" x14ac:dyDescent="0.25">
      <c r="A2026" s="11"/>
      <c r="B2026" s="11" t="s">
        <v>27</v>
      </c>
      <c r="C2026" s="11" t="s">
        <v>28</v>
      </c>
      <c r="D2026" s="10" t="s">
        <v>18</v>
      </c>
      <c r="E2026" s="10" t="s">
        <v>24</v>
      </c>
    </row>
    <row r="2027" spans="1:10" x14ac:dyDescent="0.25">
      <c r="A2027" s="10">
        <v>-2E-3</v>
      </c>
      <c r="B2027" s="10">
        <v>44500493.578113198</v>
      </c>
      <c r="C2027" s="10">
        <v>14842776.525120599</v>
      </c>
      <c r="D2027" s="10">
        <v>-1.8321399999999999E-3</v>
      </c>
      <c r="E2027" s="14">
        <v>-258201000</v>
      </c>
    </row>
    <row r="2028" spans="1:10" x14ac:dyDescent="0.25">
      <c r="A2028" s="10">
        <v>0</v>
      </c>
      <c r="B2028" s="10">
        <v>-14087453.7973199</v>
      </c>
      <c r="C2028" s="10">
        <v>13983537.641698699</v>
      </c>
      <c r="D2028" s="10">
        <v>-1.2189200000000001E-3</v>
      </c>
      <c r="E2028" s="14">
        <v>-231261000</v>
      </c>
    </row>
    <row r="2029" spans="1:10" x14ac:dyDescent="0.25">
      <c r="A2029" s="10">
        <v>2E-3</v>
      </c>
      <c r="B2029" s="10">
        <v>74237163.783121794</v>
      </c>
      <c r="C2029" s="10">
        <v>12780858.6106534</v>
      </c>
      <c r="D2029" s="10">
        <v>-6.0832799999999999E-4</v>
      </c>
      <c r="E2029" s="14">
        <v>-216526000</v>
      </c>
    </row>
    <row r="2030" spans="1:10" x14ac:dyDescent="0.25">
      <c r="A2030" s="10">
        <v>4.0000000000000001E-3</v>
      </c>
      <c r="B2030" s="10">
        <v>3454797.8831745498</v>
      </c>
      <c r="C2030" s="10">
        <v>12272571.8888676</v>
      </c>
      <c r="D2030" s="10">
        <v>0</v>
      </c>
      <c r="E2030" s="14">
        <v>-213326000</v>
      </c>
    </row>
    <row r="2031" spans="1:10" x14ac:dyDescent="0.25">
      <c r="A2031" s="10">
        <v>6.0000000000000001E-3</v>
      </c>
      <c r="B2031" s="10">
        <v>-171234658.97653699</v>
      </c>
      <c r="C2031" s="10">
        <v>11582147.805414099</v>
      </c>
      <c r="D2031" s="10">
        <v>6.0832799999999999E-4</v>
      </c>
      <c r="E2031" s="14">
        <v>-216526000</v>
      </c>
    </row>
    <row r="2032" spans="1:10" x14ac:dyDescent="0.25">
      <c r="A2032" s="10">
        <v>8.0000000000000002E-3</v>
      </c>
      <c r="B2032" s="10">
        <v>-158960723.69786099</v>
      </c>
      <c r="C2032" s="10">
        <v>11192934.2508137</v>
      </c>
      <c r="D2032" s="10">
        <v>1.2189200000000001E-3</v>
      </c>
      <c r="E2032" s="14">
        <v>-231261000</v>
      </c>
    </row>
    <row r="2033" spans="1:5" x14ac:dyDescent="0.25">
      <c r="A2033" s="10">
        <v>0.01</v>
      </c>
      <c r="B2033" s="10">
        <v>-106064121.56409299</v>
      </c>
      <c r="C2033" s="10">
        <v>11536011.917396</v>
      </c>
      <c r="D2033" s="10">
        <v>1.8321399999999999E-3</v>
      </c>
      <c r="E2033" s="14">
        <v>-258201000</v>
      </c>
    </row>
    <row r="2034" spans="1:5" x14ac:dyDescent="0.25">
      <c r="A2034" s="10">
        <v>1.2E-2</v>
      </c>
      <c r="B2034" s="10">
        <v>-159096182.346122</v>
      </c>
      <c r="C2034" s="10">
        <v>10999296.4529646</v>
      </c>
      <c r="D2034" s="10">
        <v>2.4509200000000001E-3</v>
      </c>
      <c r="E2034" s="14">
        <v>-275810000</v>
      </c>
    </row>
    <row r="2035" spans="1:5" x14ac:dyDescent="0.25">
      <c r="A2035" s="10">
        <v>1.4E-2</v>
      </c>
      <c r="B2035" s="10">
        <v>-63867639.090806998</v>
      </c>
      <c r="C2035" s="10">
        <v>11023012.8037642</v>
      </c>
      <c r="D2035" s="10">
        <v>3.07231E-3</v>
      </c>
      <c r="E2035" s="14">
        <v>-282661000</v>
      </c>
    </row>
    <row r="2036" spans="1:5" x14ac:dyDescent="0.25">
      <c r="A2036" s="10">
        <v>1.6E-2</v>
      </c>
      <c r="B2036" s="10">
        <v>-36978921.491651297</v>
      </c>
      <c r="C2036" s="10">
        <v>10952398.4653905</v>
      </c>
      <c r="D2036" s="10">
        <v>3.7007300000000002E-3</v>
      </c>
      <c r="E2036" s="14">
        <v>-296531000</v>
      </c>
    </row>
    <row r="2037" spans="1:5" x14ac:dyDescent="0.25">
      <c r="A2037" s="10">
        <v>1.7999999999999999E-2</v>
      </c>
      <c r="B2037" s="10">
        <v>8804274.8677154705</v>
      </c>
      <c r="C2037" s="10">
        <v>10983032.0868113</v>
      </c>
      <c r="D2037" s="10">
        <v>4.3376600000000001E-3</v>
      </c>
      <c r="E2037" s="14">
        <v>-301455000</v>
      </c>
    </row>
    <row r="2038" spans="1:5" x14ac:dyDescent="0.25">
      <c r="A2038" s="10">
        <v>0.02</v>
      </c>
      <c r="B2038" s="10">
        <v>47270947.323215403</v>
      </c>
      <c r="C2038" s="10">
        <v>11150074.4845447</v>
      </c>
      <c r="D2038" s="10">
        <v>4.9862200000000004E-3</v>
      </c>
      <c r="E2038" s="14">
        <v>-295652000</v>
      </c>
    </row>
    <row r="2039" spans="1:5" x14ac:dyDescent="0.25">
      <c r="D2039" s="10">
        <v>5.6459199999999996E-3</v>
      </c>
      <c r="E2039" s="14">
        <v>-292208000</v>
      </c>
    </row>
    <row r="2040" spans="1:5" x14ac:dyDescent="0.25">
      <c r="D2040" s="10">
        <v>6.3073799999999996E-3</v>
      </c>
      <c r="E2040" s="14">
        <v>-298300000</v>
      </c>
    </row>
    <row r="2041" spans="1:5" x14ac:dyDescent="0.25">
      <c r="D2041" s="10">
        <v>7.0595900000000001E-3</v>
      </c>
      <c r="E2041" s="14">
        <v>-321830000</v>
      </c>
    </row>
    <row r="2042" spans="1:5" x14ac:dyDescent="0.25">
      <c r="D2042" s="10">
        <v>7.8774699999999993E-3</v>
      </c>
      <c r="E2042" s="14">
        <v>-341294000</v>
      </c>
    </row>
    <row r="2043" spans="1:5" x14ac:dyDescent="0.25">
      <c r="D2043" s="10">
        <v>8.7706299999999997E-3</v>
      </c>
      <c r="E2043" s="14">
        <v>-340588000</v>
      </c>
    </row>
    <row r="2044" spans="1:5" x14ac:dyDescent="0.25">
      <c r="D2044" s="10">
        <v>9.7428600000000008E-3</v>
      </c>
      <c r="E2044" s="14">
        <v>-282528000</v>
      </c>
    </row>
    <row r="2045" spans="1:5" x14ac:dyDescent="0.25">
      <c r="D2045" s="10">
        <v>1.07449E-2</v>
      </c>
      <c r="E2045" s="14">
        <v>-274013000</v>
      </c>
    </row>
    <row r="2046" spans="1:5" x14ac:dyDescent="0.25">
      <c r="D2046" s="10">
        <v>1.1742900000000001E-2</v>
      </c>
      <c r="E2046" s="14">
        <v>-278571000</v>
      </c>
    </row>
    <row r="2047" spans="1:5" x14ac:dyDescent="0.25">
      <c r="D2047" s="10">
        <v>1.2743600000000001E-2</v>
      </c>
      <c r="E2047" s="14">
        <v>-270101000</v>
      </c>
    </row>
    <row r="2048" spans="1:5" x14ac:dyDescent="0.25">
      <c r="D2048" s="10">
        <v>1.37427E-2</v>
      </c>
      <c r="E2048" s="14">
        <v>-248455000</v>
      </c>
    </row>
    <row r="2049" spans="1:5" x14ac:dyDescent="0.25">
      <c r="D2049" s="10">
        <v>1.47428E-2</v>
      </c>
      <c r="E2049" s="14">
        <v>-219607000</v>
      </c>
    </row>
    <row r="2050" spans="1:5" x14ac:dyDescent="0.25">
      <c r="D2050" s="10">
        <v>1.5742699999999998E-2</v>
      </c>
      <c r="E2050" s="14">
        <v>-135934000</v>
      </c>
    </row>
    <row r="2051" spans="1:5" x14ac:dyDescent="0.25">
      <c r="D2051" s="10">
        <v>1.67425E-2</v>
      </c>
      <c r="E2051" s="14">
        <v>-70768300</v>
      </c>
    </row>
    <row r="2052" spans="1:5" x14ac:dyDescent="0.25">
      <c r="D2052" s="10">
        <v>1.7742600000000001E-2</v>
      </c>
      <c r="E2052" s="14">
        <v>-64630500</v>
      </c>
    </row>
    <row r="2053" spans="1:5" x14ac:dyDescent="0.25">
      <c r="D2053" s="10">
        <v>1.8742399999999999E-2</v>
      </c>
      <c r="E2053" s="14">
        <v>-57897100</v>
      </c>
    </row>
    <row r="2054" spans="1:5" x14ac:dyDescent="0.25">
      <c r="D2054" s="10">
        <v>1.9742599999999999E-2</v>
      </c>
      <c r="E2054" s="14">
        <v>-46286900</v>
      </c>
    </row>
    <row r="2055" spans="1:5" x14ac:dyDescent="0.25">
      <c r="D2055" s="10">
        <v>2.0742500000000001E-2</v>
      </c>
      <c r="E2055" s="14">
        <v>-34899700</v>
      </c>
    </row>
    <row r="2056" spans="1:5" s="10" customFormat="1" x14ac:dyDescent="0.25">
      <c r="E2056" s="14"/>
    </row>
    <row r="2057" spans="1:5" x14ac:dyDescent="0.25">
      <c r="A2057" s="10" t="s">
        <v>51</v>
      </c>
    </row>
    <row r="2058" spans="1:5" ht="105" x14ac:dyDescent="0.25">
      <c r="A2058" s="11" t="s">
        <v>35</v>
      </c>
      <c r="B2058" s="11" t="s">
        <v>49</v>
      </c>
      <c r="C2058" s="11" t="s">
        <v>35</v>
      </c>
      <c r="D2058" s="11" t="s">
        <v>50</v>
      </c>
    </row>
    <row r="2059" spans="1:5" x14ac:dyDescent="0.25">
      <c r="A2059">
        <v>0</v>
      </c>
      <c r="B2059">
        <v>-6.2987000000000011</v>
      </c>
      <c r="C2059">
        <v>0</v>
      </c>
      <c r="D2059">
        <v>-9.8886498397457334</v>
      </c>
    </row>
    <row r="2060" spans="1:5" x14ac:dyDescent="0.25">
      <c r="A2060">
        <v>25</v>
      </c>
      <c r="B2060">
        <v>0.42</v>
      </c>
      <c r="C2060">
        <v>50</v>
      </c>
      <c r="D2060">
        <v>-7.3873863483393505</v>
      </c>
    </row>
    <row r="2061" spans="1:5" x14ac:dyDescent="0.25">
      <c r="A2061">
        <v>50</v>
      </c>
      <c r="B2061">
        <v>-1.07</v>
      </c>
      <c r="C2061">
        <v>150</v>
      </c>
      <c r="D2061">
        <v>-6.6075165456019294</v>
      </c>
    </row>
    <row r="2062" spans="1:5" x14ac:dyDescent="0.25">
      <c r="A2062">
        <v>100</v>
      </c>
      <c r="B2062">
        <v>0.6</v>
      </c>
    </row>
    <row r="2063" spans="1:5" x14ac:dyDescent="0.25">
      <c r="A2063">
        <v>150</v>
      </c>
      <c r="B2063">
        <v>-0.46</v>
      </c>
    </row>
  </sheetData>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2</vt:i4>
      </vt:variant>
    </vt:vector>
  </HeadingPairs>
  <TitlesOfParts>
    <vt:vector size="3" baseType="lpstr">
      <vt:lpstr>Sheet1</vt:lpstr>
      <vt:lpstr>Sheet1!_Ref449615371</vt:lpstr>
      <vt:lpstr>Sheet1!_Ref449620474</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ozzolino, Daniel</dc:creator>
  <cp:lastModifiedBy>Cozzolino, Daniel</cp:lastModifiedBy>
  <dcterms:created xsi:type="dcterms:W3CDTF">2017-04-09T16:27:11Z</dcterms:created>
  <dcterms:modified xsi:type="dcterms:W3CDTF">2017-04-09T18:40:09Z</dcterms:modified>
</cp:coreProperties>
</file>